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7E90606" w14:textId="5575B20D" w:rsidR="006503FF" w:rsidRDefault="00A05E67" w:rsidP="006503FF">
      <w:pPr>
        <w:spacing w:after="240"/>
        <w:jc w:val="both"/>
        <w:rPr>
          <w:b/>
        </w:rPr>
      </w:pPr>
      <w:bookmarkStart w:id="0" w:name="_GoBack"/>
      <w:bookmarkEnd w:id="0"/>
      <w:r>
        <w:rPr>
          <w:noProof/>
        </w:rPr>
        <w:drawing>
          <wp:inline distT="0" distB="0" distL="0" distR="0" wp14:anchorId="1F3C8F24" wp14:editId="57F0E9C6">
            <wp:extent cx="676656" cy="749808"/>
            <wp:effectExtent l="0" t="0" r="0" b="0"/>
            <wp:docPr id="5" name="Picture 5" descr="USFWS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fwslogo"/>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676656" cy="749808"/>
                    </a:xfrm>
                    <a:prstGeom prst="rect">
                      <a:avLst/>
                    </a:prstGeom>
                    <a:noFill/>
                    <a:ln w="9525">
                      <a:noFill/>
                      <a:miter lim="800000"/>
                      <a:headEnd/>
                      <a:tailEnd/>
                    </a:ln>
                  </pic:spPr>
                </pic:pic>
              </a:graphicData>
            </a:graphic>
          </wp:inline>
        </w:drawing>
      </w:r>
      <w:r w:rsidR="006503FF">
        <w:rPr>
          <w:b/>
        </w:rPr>
        <w:tab/>
      </w:r>
      <w:r w:rsidR="006503FF">
        <w:rPr>
          <w:b/>
        </w:rPr>
        <w:tab/>
      </w:r>
      <w:r w:rsidR="006503FF">
        <w:rPr>
          <w:b/>
        </w:rPr>
        <w:tab/>
      </w:r>
      <w:r w:rsidR="006503FF">
        <w:rPr>
          <w:b/>
        </w:rPr>
        <w:tab/>
      </w:r>
      <w:r w:rsidR="006503FF">
        <w:rPr>
          <w:b/>
        </w:rPr>
        <w:tab/>
      </w:r>
      <w:r w:rsidR="006503FF">
        <w:rPr>
          <w:b/>
        </w:rPr>
        <w:tab/>
      </w:r>
      <w:r w:rsidR="006503FF">
        <w:rPr>
          <w:b/>
        </w:rPr>
        <w:tab/>
      </w:r>
      <w:r w:rsidR="006503FF">
        <w:rPr>
          <w:b/>
        </w:rPr>
        <w:tab/>
      </w:r>
      <w:r w:rsidR="006503FF">
        <w:rPr>
          <w:b/>
        </w:rPr>
        <w:tab/>
      </w:r>
      <w:r w:rsidR="006503FF">
        <w:rPr>
          <w:b/>
        </w:rPr>
        <w:tab/>
      </w:r>
      <w:r w:rsidR="006503FF" w:rsidRPr="006F08E3">
        <w:rPr>
          <w:b/>
          <w:noProof/>
        </w:rPr>
        <w:drawing>
          <wp:inline distT="0" distB="0" distL="0" distR="0" wp14:anchorId="4CEEF786" wp14:editId="069A9F55">
            <wp:extent cx="886968" cy="731520"/>
            <wp:effectExtent l="0" t="0" r="8890" b="0"/>
            <wp:docPr id="3" name="Picture 3" descr="Caltrans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886968" cy="731520"/>
                    </a:xfrm>
                    <a:prstGeom prst="rect">
                      <a:avLst/>
                    </a:prstGeom>
                    <a:noFill/>
                  </pic:spPr>
                </pic:pic>
              </a:graphicData>
            </a:graphic>
          </wp:inline>
        </w:drawing>
      </w:r>
    </w:p>
    <w:p w14:paraId="6198CDA6" w14:textId="77777777" w:rsidR="007A7D67" w:rsidRPr="006F08E3" w:rsidRDefault="00336A1A" w:rsidP="006503FF">
      <w:pPr>
        <w:spacing w:after="240"/>
        <w:contextualSpacing/>
        <w:jc w:val="center"/>
        <w:rPr>
          <w:b/>
        </w:rPr>
      </w:pPr>
      <w:r w:rsidRPr="006F08E3">
        <w:rPr>
          <w:b/>
        </w:rPr>
        <w:t>Biological Assessment Checklist</w:t>
      </w:r>
    </w:p>
    <w:p w14:paraId="3E163F5C" w14:textId="22805902" w:rsidR="00336A1A" w:rsidRPr="006F08E3" w:rsidRDefault="00336A1A" w:rsidP="006503FF">
      <w:pPr>
        <w:spacing w:after="240"/>
        <w:jc w:val="center"/>
        <w:rPr>
          <w:b/>
        </w:rPr>
      </w:pPr>
      <w:r w:rsidRPr="006F08E3">
        <w:rPr>
          <w:b/>
        </w:rPr>
        <w:t xml:space="preserve">Caltrans and </w:t>
      </w:r>
      <w:r w:rsidR="00A05E67">
        <w:rPr>
          <w:b/>
        </w:rPr>
        <w:t>USFWS</w:t>
      </w:r>
      <w:r w:rsidRPr="006F08E3">
        <w:rPr>
          <w:b/>
        </w:rPr>
        <w:t xml:space="preserve"> Section 7 ESA Consultations</w:t>
      </w:r>
    </w:p>
    <w:p w14:paraId="76896F08" w14:textId="773A0886" w:rsidR="00336A1A" w:rsidRPr="006F08E3" w:rsidRDefault="00A05E67" w:rsidP="006503FF">
      <w:pPr>
        <w:spacing w:after="240"/>
        <w:contextualSpacing/>
        <w:jc w:val="center"/>
        <w:rPr>
          <w:b/>
        </w:rPr>
      </w:pPr>
      <w:r>
        <w:rPr>
          <w:b/>
        </w:rPr>
        <w:t>June</w:t>
      </w:r>
      <w:r w:rsidR="00336A1A" w:rsidRPr="006F08E3">
        <w:rPr>
          <w:b/>
        </w:rPr>
        <w:t xml:space="preserve"> 2014</w:t>
      </w:r>
    </w:p>
    <w:p w14:paraId="1175721B" w14:textId="77777777" w:rsidR="00336A1A" w:rsidRPr="006F08E3" w:rsidRDefault="00336A1A" w:rsidP="006503FF">
      <w:pPr>
        <w:spacing w:after="240"/>
        <w:jc w:val="center"/>
        <w:rPr>
          <w:b/>
        </w:rPr>
      </w:pPr>
      <w:r w:rsidRPr="006F08E3">
        <w:rPr>
          <w:b/>
        </w:rPr>
        <w:t>(minor updates October 2020)</w:t>
      </w:r>
    </w:p>
    <w:p w14:paraId="1D6FE232" w14:textId="764FAC03" w:rsidR="00733B70" w:rsidRPr="009477BE" w:rsidRDefault="00733B70" w:rsidP="00733B70">
      <w:r w:rsidRPr="009477BE">
        <w:t xml:space="preserve">October 2020:  </w:t>
      </w:r>
      <w:r>
        <w:t>Minor e</w:t>
      </w:r>
      <w:r w:rsidRPr="0036634D">
        <w:t xml:space="preserve">dits were made to this </w:t>
      </w:r>
      <w:r>
        <w:t>checklist</w:t>
      </w:r>
      <w:r w:rsidRPr="0036634D">
        <w:t xml:space="preserve"> to meet Americans with Disabilities Act (ADA) standards</w:t>
      </w:r>
      <w:r>
        <w:t xml:space="preserve">.  </w:t>
      </w:r>
      <w:r w:rsidRPr="009477BE">
        <w:t>Please see the Caltrans</w:t>
      </w:r>
      <w:r>
        <w:rPr>
          <w:color w:val="FF0000"/>
        </w:rPr>
        <w:t xml:space="preserve"> </w:t>
      </w:r>
      <w:hyperlink r:id="rId9" w:anchor="faqs" w:tooltip="Caltrans Biology Templates" w:history="1">
        <w:r>
          <w:rPr>
            <w:rStyle w:val="Hyperlink"/>
          </w:rPr>
          <w:t>Biological Assessment template</w:t>
        </w:r>
      </w:hyperlink>
      <w:r w:rsidRPr="00E1269A">
        <w:rPr>
          <w:color w:val="FF0000"/>
        </w:rPr>
        <w:t xml:space="preserve"> </w:t>
      </w:r>
      <w:r w:rsidRPr="009477BE">
        <w:t xml:space="preserve">for </w:t>
      </w:r>
      <w:r>
        <w:t xml:space="preserve">the most up to date </w:t>
      </w:r>
      <w:r w:rsidRPr="009477BE">
        <w:t>information.</w:t>
      </w:r>
    </w:p>
    <w:p w14:paraId="61A7345F" w14:textId="41CACB57" w:rsidR="004F6F6D" w:rsidRPr="004F6F6D" w:rsidRDefault="00336A1A" w:rsidP="004F6F6D">
      <w:r w:rsidRPr="004F6F6D">
        <w:t>This checklis</w:t>
      </w:r>
      <w:r w:rsidR="004F6F6D" w:rsidRPr="004F6F6D">
        <w:t xml:space="preserve">t is intended to clarify and streamline coordination for Endangered Species Act (ESA) Section 7 consultations between </w:t>
      </w:r>
      <w:r w:rsidR="00A05E67">
        <w:t xml:space="preserve">the U. S. Fish and Wildlife Service (USFWS) </w:t>
      </w:r>
      <w:r w:rsidR="004F6F6D" w:rsidRPr="004F6F6D">
        <w:t>and the California Department of Transportation (Caltrans).  The purpose of this checklist is to identify important information and analysis needed to complete Section 7 and EFH consultations in a timely and efficient manner.</w:t>
      </w:r>
    </w:p>
    <w:p w14:paraId="6691140D" w14:textId="7930367A" w:rsidR="00336A1A" w:rsidRDefault="00336A1A" w:rsidP="004F6F6D">
      <w:r w:rsidRPr="004F6F6D">
        <w:t xml:space="preserve">The information needs </w:t>
      </w:r>
      <w:r w:rsidR="004F6F6D" w:rsidRPr="004F6F6D">
        <w:t xml:space="preserve">included in this checklist are based on the six items that are described in </w:t>
      </w:r>
      <w:r w:rsidR="004F6F6D" w:rsidRPr="006503FF">
        <w:t>50 CFR §402.14</w:t>
      </w:r>
      <w:r w:rsidR="004F6F6D" w:rsidRPr="004F6F6D">
        <w:t xml:space="preserve"> to initiate</w:t>
      </w:r>
      <w:r w:rsidR="00A05E67">
        <w:t xml:space="preserve"> formal</w:t>
      </w:r>
      <w:r w:rsidR="004F6F6D" w:rsidRPr="004F6F6D">
        <w:t xml:space="preserve"> ESA Section 7 </w:t>
      </w:r>
      <w:proofErr w:type="gramStart"/>
      <w:r w:rsidR="004F6F6D" w:rsidRPr="004F6F6D">
        <w:t>consultation, but</w:t>
      </w:r>
      <w:proofErr w:type="gramEnd"/>
      <w:r w:rsidR="004F6F6D" w:rsidRPr="004F6F6D">
        <w:t xml:space="preserve"> are also applicable to </w:t>
      </w:r>
      <w:r w:rsidR="00A05E67">
        <w:t>informal</w:t>
      </w:r>
      <w:r w:rsidR="004F6F6D" w:rsidRPr="004F6F6D">
        <w:t xml:space="preserve"> consultations</w:t>
      </w:r>
      <w:r w:rsidR="004F6F6D" w:rsidRPr="00E460BF">
        <w:t>.</w:t>
      </w:r>
      <w:r w:rsidR="004F6F6D" w:rsidRPr="004F6F6D">
        <w:t xml:space="preserve">  The checklist is for general project use as a guidance tool.  Some items may not be applicable to specific projects and/or additional items may be identified during the course of a consultation.</w:t>
      </w:r>
    </w:p>
    <w:p w14:paraId="31FB7009" w14:textId="77777777" w:rsidR="00336A1A" w:rsidRPr="007215AA" w:rsidRDefault="00336A1A" w:rsidP="00884CEA">
      <w:pPr>
        <w:pStyle w:val="Heading1"/>
      </w:pPr>
      <w:r w:rsidRPr="007215AA">
        <w:t>Background Steps Checklist</w:t>
      </w:r>
    </w:p>
    <w:p w14:paraId="1605E4E9" w14:textId="77777777" w:rsidR="00336A1A" w:rsidRPr="004F6F6D" w:rsidRDefault="00336A1A" w:rsidP="002B23E5">
      <w:pPr>
        <w:ind w:left="720" w:hanging="720"/>
        <w:contextualSpacing/>
      </w:pPr>
      <w:r w:rsidRPr="004F6F6D">
        <w:fldChar w:fldCharType="begin">
          <w:ffData>
            <w:name w:val="Check1"/>
            <w:enabled/>
            <w:calcOnExit w:val="0"/>
            <w:checkBox>
              <w:sizeAuto/>
              <w:default w:val="0"/>
            </w:checkBox>
          </w:ffData>
        </w:fldChar>
      </w:r>
      <w:bookmarkStart w:id="1" w:name="Check1"/>
      <w:r w:rsidRPr="004F6F6D">
        <w:instrText xml:space="preserve"> FORMCHECKBOX </w:instrText>
      </w:r>
      <w:r w:rsidR="009740D3">
        <w:fldChar w:fldCharType="separate"/>
      </w:r>
      <w:r w:rsidRPr="004F6F6D">
        <w:fldChar w:fldCharType="end"/>
      </w:r>
      <w:bookmarkEnd w:id="1"/>
      <w:r w:rsidR="002B23E5">
        <w:tab/>
      </w:r>
      <w:r w:rsidRPr="004F6F6D">
        <w:t xml:space="preserve">Title of Proposed Action:  </w:t>
      </w:r>
      <w:r w:rsidR="00F30BC3">
        <w:fldChar w:fldCharType="begin">
          <w:ffData>
            <w:name w:val="Text1"/>
            <w:enabled/>
            <w:calcOnExit w:val="0"/>
            <w:textInput>
              <w:default w:val="Click to enter text."/>
            </w:textInput>
          </w:ffData>
        </w:fldChar>
      </w:r>
      <w:bookmarkStart w:id="2" w:name="Text1"/>
      <w:r w:rsidR="00F30BC3">
        <w:instrText xml:space="preserve"> FORMTEXT </w:instrText>
      </w:r>
      <w:r w:rsidR="00F30BC3">
        <w:fldChar w:fldCharType="separate"/>
      </w:r>
      <w:r w:rsidR="00F30BC3">
        <w:rPr>
          <w:noProof/>
        </w:rPr>
        <w:t>Click to enter text.</w:t>
      </w:r>
      <w:r w:rsidR="00F30BC3">
        <w:fldChar w:fldCharType="end"/>
      </w:r>
      <w:bookmarkEnd w:id="2"/>
    </w:p>
    <w:p w14:paraId="7B2B77BD" w14:textId="77777777" w:rsidR="00336A1A" w:rsidRPr="004F6F6D" w:rsidRDefault="00336A1A" w:rsidP="002B23E5">
      <w:pPr>
        <w:ind w:left="720" w:hanging="720"/>
        <w:contextualSpacing/>
      </w:pPr>
      <w:r w:rsidRPr="004F6F6D">
        <w:fldChar w:fldCharType="begin">
          <w:ffData>
            <w:name w:val="Check2"/>
            <w:enabled/>
            <w:calcOnExit w:val="0"/>
            <w:checkBox>
              <w:sizeAuto/>
              <w:default w:val="0"/>
            </w:checkBox>
          </w:ffData>
        </w:fldChar>
      </w:r>
      <w:bookmarkStart w:id="3" w:name="Check2"/>
      <w:r w:rsidRPr="004F6F6D">
        <w:instrText xml:space="preserve"> FORMCHECKBOX </w:instrText>
      </w:r>
      <w:r w:rsidR="009740D3">
        <w:fldChar w:fldCharType="separate"/>
      </w:r>
      <w:r w:rsidRPr="004F6F6D">
        <w:fldChar w:fldCharType="end"/>
      </w:r>
      <w:bookmarkEnd w:id="3"/>
      <w:r w:rsidR="002B23E5">
        <w:tab/>
      </w:r>
      <w:r w:rsidRPr="004F6F6D">
        <w:t xml:space="preserve">Type of Proposed Action:  </w:t>
      </w:r>
      <w:r w:rsidR="00F30BC3">
        <w:fldChar w:fldCharType="begin">
          <w:ffData>
            <w:name w:val="Text2"/>
            <w:enabled/>
            <w:calcOnExit w:val="0"/>
            <w:textInput>
              <w:default w:val="Click to enter text."/>
            </w:textInput>
          </w:ffData>
        </w:fldChar>
      </w:r>
      <w:bookmarkStart w:id="4" w:name="Text2"/>
      <w:r w:rsidR="00F30BC3">
        <w:instrText xml:space="preserve"> FORMTEXT </w:instrText>
      </w:r>
      <w:r w:rsidR="00F30BC3">
        <w:fldChar w:fldCharType="separate"/>
      </w:r>
      <w:r w:rsidR="00F30BC3">
        <w:rPr>
          <w:noProof/>
        </w:rPr>
        <w:t>Click to enter text.</w:t>
      </w:r>
      <w:r w:rsidR="00F30BC3">
        <w:fldChar w:fldCharType="end"/>
      </w:r>
      <w:bookmarkEnd w:id="4"/>
    </w:p>
    <w:p w14:paraId="4D9D773C" w14:textId="77777777" w:rsidR="00336A1A" w:rsidRPr="002B23E5" w:rsidRDefault="00336A1A" w:rsidP="002B23E5">
      <w:pPr>
        <w:pStyle w:val="Normalbullettext"/>
      </w:pPr>
      <w:r w:rsidRPr="002B23E5">
        <w:t>(e.g. funding, carrying out, or authorizing bridge replacement, seismic retrofit, culvert replacement, placement of rock slope protection, road realignment, or other types of projects)</w:t>
      </w:r>
    </w:p>
    <w:p w14:paraId="2CF41017" w14:textId="7B1DEA54" w:rsidR="00336A1A" w:rsidRPr="004F6F6D" w:rsidRDefault="00336A1A" w:rsidP="002B23E5">
      <w:pPr>
        <w:ind w:left="720" w:hanging="720"/>
        <w:contextualSpacing/>
      </w:pPr>
      <w:r w:rsidRPr="004F6F6D">
        <w:fldChar w:fldCharType="begin">
          <w:ffData>
            <w:name w:val="Check3"/>
            <w:enabled/>
            <w:calcOnExit w:val="0"/>
            <w:checkBox>
              <w:sizeAuto/>
              <w:default w:val="0"/>
            </w:checkBox>
          </w:ffData>
        </w:fldChar>
      </w:r>
      <w:bookmarkStart w:id="5" w:name="Check3"/>
      <w:r w:rsidRPr="004F6F6D">
        <w:instrText xml:space="preserve"> FORMCHECKBOX </w:instrText>
      </w:r>
      <w:r w:rsidR="009740D3">
        <w:fldChar w:fldCharType="separate"/>
      </w:r>
      <w:r w:rsidRPr="004F6F6D">
        <w:fldChar w:fldCharType="end"/>
      </w:r>
      <w:bookmarkEnd w:id="5"/>
      <w:r w:rsidR="002B23E5">
        <w:tab/>
      </w:r>
      <w:r w:rsidRPr="004F6F6D">
        <w:t xml:space="preserve">Request species </w:t>
      </w:r>
      <w:r w:rsidRPr="00E1269A">
        <w:t>list</w:t>
      </w:r>
      <w:r w:rsidR="00E1269A" w:rsidRPr="00E1269A">
        <w:t xml:space="preserve"> from </w:t>
      </w:r>
      <w:r w:rsidR="00A05E67">
        <w:t>USFWS</w:t>
      </w:r>
      <w:r w:rsidRPr="00E1269A">
        <w:t>:</w:t>
      </w:r>
    </w:p>
    <w:p w14:paraId="2A1A0D49" w14:textId="454C4D1C" w:rsidR="006F08E3" w:rsidRDefault="009740D3" w:rsidP="002B23E5">
      <w:pPr>
        <w:pStyle w:val="Normalbullettext"/>
      </w:pPr>
      <w:hyperlink r:id="rId10" w:tooltip="IPaC" w:history="1">
        <w:proofErr w:type="spellStart"/>
        <w:r w:rsidR="006E5DDF" w:rsidRPr="006E5DDF">
          <w:rPr>
            <w:rStyle w:val="Hyperlink"/>
          </w:rPr>
          <w:t>IP</w:t>
        </w:r>
        <w:r w:rsidR="006E5DDF">
          <w:rPr>
            <w:rStyle w:val="Hyperlink"/>
          </w:rPr>
          <w:t>a</w:t>
        </w:r>
        <w:r w:rsidR="006E5DDF" w:rsidRPr="006E5DDF">
          <w:rPr>
            <w:rStyle w:val="Hyperlink"/>
          </w:rPr>
          <w:t>C</w:t>
        </w:r>
        <w:proofErr w:type="spellEnd"/>
      </w:hyperlink>
      <w:r w:rsidR="00F30BC3" w:rsidRPr="00F30BC3">
        <w:rPr>
          <w:rStyle w:val="Hyperlink"/>
          <w:color w:val="auto"/>
          <w:u w:val="none"/>
        </w:rPr>
        <w:t>:</w:t>
      </w:r>
      <w:r w:rsidR="00F30BC3">
        <w:rPr>
          <w:rStyle w:val="Hyperlink"/>
          <w:u w:val="none"/>
        </w:rPr>
        <w:t xml:space="preserve">  </w:t>
      </w:r>
      <w:r w:rsidR="00F30BC3" w:rsidRPr="00F30BC3">
        <w:rPr>
          <w:rStyle w:val="Hyperlink"/>
          <w:color w:val="auto"/>
          <w:u w:val="none"/>
        </w:rPr>
        <w:fldChar w:fldCharType="begin">
          <w:ffData>
            <w:name w:val="Text5"/>
            <w:enabled/>
            <w:calcOnExit w:val="0"/>
            <w:textInput>
              <w:default w:val="Click to enter date."/>
            </w:textInput>
          </w:ffData>
        </w:fldChar>
      </w:r>
      <w:bookmarkStart w:id="6" w:name="Text5"/>
      <w:r w:rsidR="00F30BC3" w:rsidRPr="00F30BC3">
        <w:rPr>
          <w:rStyle w:val="Hyperlink"/>
          <w:color w:val="auto"/>
          <w:u w:val="none"/>
        </w:rPr>
        <w:instrText xml:space="preserve"> FORMTEXT </w:instrText>
      </w:r>
      <w:r w:rsidR="00F30BC3" w:rsidRPr="00F30BC3">
        <w:rPr>
          <w:rStyle w:val="Hyperlink"/>
          <w:color w:val="auto"/>
          <w:u w:val="none"/>
        </w:rPr>
      </w:r>
      <w:r w:rsidR="00F30BC3" w:rsidRPr="00F30BC3">
        <w:rPr>
          <w:rStyle w:val="Hyperlink"/>
          <w:color w:val="auto"/>
          <w:u w:val="none"/>
        </w:rPr>
        <w:fldChar w:fldCharType="separate"/>
      </w:r>
      <w:r w:rsidR="00F30BC3" w:rsidRPr="00F30BC3">
        <w:rPr>
          <w:rStyle w:val="Hyperlink"/>
          <w:noProof/>
          <w:color w:val="auto"/>
          <w:u w:val="none"/>
        </w:rPr>
        <w:t>Click to enter date.</w:t>
      </w:r>
      <w:r w:rsidR="00F30BC3" w:rsidRPr="00F30BC3">
        <w:rPr>
          <w:rStyle w:val="Hyperlink"/>
          <w:color w:val="auto"/>
          <w:u w:val="none"/>
        </w:rPr>
        <w:fldChar w:fldCharType="end"/>
      </w:r>
      <w:bookmarkEnd w:id="6"/>
    </w:p>
    <w:p w14:paraId="75B749E3" w14:textId="6605848A" w:rsidR="00336A1A" w:rsidRDefault="00336A1A" w:rsidP="002B23E5">
      <w:pPr>
        <w:ind w:left="720" w:hanging="720"/>
        <w:contextualSpacing/>
      </w:pPr>
      <w:r w:rsidRPr="004F6F6D">
        <w:fldChar w:fldCharType="begin">
          <w:ffData>
            <w:name w:val="Check4"/>
            <w:enabled/>
            <w:calcOnExit w:val="0"/>
            <w:checkBox>
              <w:sizeAuto/>
              <w:default w:val="0"/>
            </w:checkBox>
          </w:ffData>
        </w:fldChar>
      </w:r>
      <w:bookmarkStart w:id="7" w:name="Check4"/>
      <w:r w:rsidRPr="004F6F6D">
        <w:instrText xml:space="preserve"> FORMCHECKBOX </w:instrText>
      </w:r>
      <w:r w:rsidR="009740D3">
        <w:fldChar w:fldCharType="separate"/>
      </w:r>
      <w:r w:rsidRPr="004F6F6D">
        <w:fldChar w:fldCharType="end"/>
      </w:r>
      <w:bookmarkEnd w:id="7"/>
      <w:r w:rsidR="002B23E5">
        <w:tab/>
      </w:r>
      <w:r w:rsidRPr="004F6F6D">
        <w:t xml:space="preserve">Request </w:t>
      </w:r>
      <w:r w:rsidR="00A05E67">
        <w:t>USFWS</w:t>
      </w:r>
      <w:r w:rsidRPr="004F6F6D">
        <w:t xml:space="preserve"> to engage </w:t>
      </w:r>
      <w:r w:rsidRPr="00A229C0">
        <w:t xml:space="preserve">in </w:t>
      </w:r>
      <w:r w:rsidR="00A05E67" w:rsidRPr="00A229C0">
        <w:t>technical assistance</w:t>
      </w:r>
      <w:r w:rsidR="00A05E67" w:rsidRPr="006E5DDF">
        <w:t xml:space="preserve">/early informal consultation </w:t>
      </w:r>
      <w:r w:rsidRPr="004F6F6D">
        <w:t>discussions through pre-consultation meetings, site visits, and/or reviewing draft biological assessment</w:t>
      </w:r>
      <w:r w:rsidR="00A05E67">
        <w:t xml:space="preserve">s </w:t>
      </w:r>
      <w:r w:rsidRPr="004F6F6D">
        <w:t>(BA).</w:t>
      </w:r>
    </w:p>
    <w:p w14:paraId="7CBA9452" w14:textId="5F7812B1" w:rsidR="006E5DDF" w:rsidRPr="004F6F6D" w:rsidRDefault="006E5DDF" w:rsidP="002B23E5">
      <w:pPr>
        <w:ind w:left="720" w:hanging="720"/>
        <w:contextualSpacing/>
      </w:pPr>
      <w:r>
        <w:fldChar w:fldCharType="begin">
          <w:ffData>
            <w:name w:val="Check121"/>
            <w:enabled/>
            <w:calcOnExit w:val="0"/>
            <w:checkBox>
              <w:sizeAuto/>
              <w:default w:val="0"/>
            </w:checkBox>
          </w:ffData>
        </w:fldChar>
      </w:r>
      <w:bookmarkStart w:id="8" w:name="Check121"/>
      <w:r>
        <w:instrText xml:space="preserve"> FORMCHECKBOX </w:instrText>
      </w:r>
      <w:r w:rsidR="009740D3">
        <w:fldChar w:fldCharType="separate"/>
      </w:r>
      <w:r>
        <w:fldChar w:fldCharType="end"/>
      </w:r>
      <w:bookmarkEnd w:id="8"/>
      <w:r>
        <w:tab/>
      </w:r>
      <w:bookmarkStart w:id="9" w:name="_Hlk54011591"/>
      <w:r>
        <w:t>Prepare cover letter with project name, project location (city, county), brief project summary (2-3 sentences), request for consultation (formal or informal), and effects determinations (a table works well for this).</w:t>
      </w:r>
    </w:p>
    <w:bookmarkEnd w:id="9"/>
    <w:p w14:paraId="139A803B" w14:textId="62A816CF" w:rsidR="00336A1A" w:rsidRPr="004F6F6D" w:rsidRDefault="00336A1A" w:rsidP="002B23E5">
      <w:pPr>
        <w:ind w:left="720" w:hanging="720"/>
        <w:contextualSpacing/>
      </w:pPr>
      <w:r w:rsidRPr="004F6F6D">
        <w:fldChar w:fldCharType="begin">
          <w:ffData>
            <w:name w:val="Check5"/>
            <w:enabled/>
            <w:calcOnExit w:val="0"/>
            <w:checkBox>
              <w:sizeAuto/>
              <w:default w:val="0"/>
            </w:checkBox>
          </w:ffData>
        </w:fldChar>
      </w:r>
      <w:bookmarkStart w:id="10" w:name="Check5"/>
      <w:r w:rsidRPr="004F6F6D">
        <w:instrText xml:space="preserve"> FORMCHECKBOX </w:instrText>
      </w:r>
      <w:r w:rsidR="009740D3">
        <w:fldChar w:fldCharType="separate"/>
      </w:r>
      <w:r w:rsidRPr="004F6F6D">
        <w:fldChar w:fldCharType="end"/>
      </w:r>
      <w:bookmarkEnd w:id="10"/>
      <w:r w:rsidR="002B23E5">
        <w:tab/>
      </w:r>
      <w:r w:rsidRPr="004F6F6D">
        <w:t xml:space="preserve">Request ESA </w:t>
      </w:r>
      <w:r w:rsidR="00A05E67">
        <w:t>consultation</w:t>
      </w:r>
      <w:r w:rsidRPr="004F6F6D">
        <w:t>, as applicable, upon completion of final BA.</w:t>
      </w:r>
    </w:p>
    <w:p w14:paraId="2936072A" w14:textId="77777777" w:rsidR="00336A1A" w:rsidRPr="004F6F6D" w:rsidRDefault="00336A1A" w:rsidP="002B23E5">
      <w:pPr>
        <w:pStyle w:val="Normalbullettext"/>
      </w:pPr>
      <w:r w:rsidRPr="004F6F6D">
        <w:lastRenderedPageBreak/>
        <w:t xml:space="preserve">Request Date:  </w:t>
      </w:r>
      <w:r w:rsidR="00F30BC3">
        <w:fldChar w:fldCharType="begin">
          <w:ffData>
            <w:name w:val="Text3"/>
            <w:enabled/>
            <w:calcOnExit w:val="0"/>
            <w:textInput>
              <w:default w:val="Click to enter date."/>
            </w:textInput>
          </w:ffData>
        </w:fldChar>
      </w:r>
      <w:bookmarkStart w:id="11" w:name="Text3"/>
      <w:r w:rsidR="00F30BC3">
        <w:instrText xml:space="preserve"> FORMTEXT </w:instrText>
      </w:r>
      <w:r w:rsidR="00F30BC3">
        <w:fldChar w:fldCharType="separate"/>
      </w:r>
      <w:r w:rsidR="00F30BC3">
        <w:rPr>
          <w:noProof/>
        </w:rPr>
        <w:t>Click to enter date.</w:t>
      </w:r>
      <w:r w:rsidR="00F30BC3">
        <w:fldChar w:fldCharType="end"/>
      </w:r>
      <w:bookmarkEnd w:id="11"/>
    </w:p>
    <w:p w14:paraId="18BDA4C9" w14:textId="3C6B4BE2" w:rsidR="00336A1A" w:rsidRDefault="00336A1A" w:rsidP="002B23E5">
      <w:pPr>
        <w:pStyle w:val="Normalbullettext"/>
      </w:pPr>
      <w:r w:rsidRPr="004F6F6D">
        <w:t xml:space="preserve">Needed by Date:  </w:t>
      </w:r>
      <w:r w:rsidR="00F30BC3">
        <w:fldChar w:fldCharType="begin">
          <w:ffData>
            <w:name w:val="Text4"/>
            <w:enabled/>
            <w:calcOnExit w:val="0"/>
            <w:textInput>
              <w:default w:val="Click to enter date."/>
            </w:textInput>
          </w:ffData>
        </w:fldChar>
      </w:r>
      <w:bookmarkStart w:id="12" w:name="Text4"/>
      <w:r w:rsidR="00F30BC3">
        <w:instrText xml:space="preserve"> FORMTEXT </w:instrText>
      </w:r>
      <w:r w:rsidR="00F30BC3">
        <w:fldChar w:fldCharType="separate"/>
      </w:r>
      <w:r w:rsidR="00F30BC3">
        <w:rPr>
          <w:noProof/>
        </w:rPr>
        <w:t>Click to enter date.</w:t>
      </w:r>
      <w:r w:rsidR="00F30BC3">
        <w:fldChar w:fldCharType="end"/>
      </w:r>
      <w:bookmarkEnd w:id="12"/>
    </w:p>
    <w:p w14:paraId="7B4AEE3F" w14:textId="42DCFD1B" w:rsidR="00A05E67" w:rsidRPr="004F6F6D" w:rsidRDefault="00A05E67" w:rsidP="002B23E5">
      <w:pPr>
        <w:pStyle w:val="Normalbullettext"/>
      </w:pPr>
      <w:r>
        <w:t xml:space="preserve">Response Date:  </w:t>
      </w:r>
      <w:r>
        <w:fldChar w:fldCharType="begin">
          <w:ffData>
            <w:name w:val="Text6"/>
            <w:enabled/>
            <w:calcOnExit w:val="0"/>
            <w:textInput>
              <w:default w:val="Click to enter date"/>
            </w:textInput>
          </w:ffData>
        </w:fldChar>
      </w:r>
      <w:bookmarkStart w:id="13" w:name="Text6"/>
      <w:r>
        <w:instrText xml:space="preserve"> FORMTEXT </w:instrText>
      </w:r>
      <w:r>
        <w:fldChar w:fldCharType="separate"/>
      </w:r>
      <w:r>
        <w:rPr>
          <w:noProof/>
        </w:rPr>
        <w:t>Click to enter date</w:t>
      </w:r>
      <w:r>
        <w:fldChar w:fldCharType="end"/>
      </w:r>
      <w:bookmarkEnd w:id="13"/>
    </w:p>
    <w:p w14:paraId="3E677448" w14:textId="77777777" w:rsidR="00336A1A" w:rsidRPr="004F6F6D" w:rsidRDefault="00336A1A" w:rsidP="002B23E5">
      <w:pPr>
        <w:ind w:left="720" w:hanging="720"/>
        <w:contextualSpacing/>
      </w:pPr>
      <w:r w:rsidRPr="004F6F6D">
        <w:fldChar w:fldCharType="begin">
          <w:ffData>
            <w:name w:val="Check6"/>
            <w:enabled/>
            <w:calcOnExit w:val="0"/>
            <w:checkBox>
              <w:sizeAuto/>
              <w:default w:val="0"/>
            </w:checkBox>
          </w:ffData>
        </w:fldChar>
      </w:r>
      <w:bookmarkStart w:id="14" w:name="Check6"/>
      <w:r w:rsidRPr="004F6F6D">
        <w:instrText xml:space="preserve"> FORMCHECKBOX </w:instrText>
      </w:r>
      <w:r w:rsidR="009740D3">
        <w:fldChar w:fldCharType="separate"/>
      </w:r>
      <w:r w:rsidRPr="004F6F6D">
        <w:fldChar w:fldCharType="end"/>
      </w:r>
      <w:bookmarkEnd w:id="14"/>
      <w:r w:rsidR="002B23E5">
        <w:tab/>
      </w:r>
      <w:r w:rsidRPr="004F6F6D">
        <w:t>Utilize relevant planning reports and guidelines:</w:t>
      </w:r>
    </w:p>
    <w:p w14:paraId="21E4D004" w14:textId="69ABFE79" w:rsidR="00336A1A" w:rsidRPr="004F6F6D" w:rsidRDefault="009740D3" w:rsidP="002B23E5">
      <w:pPr>
        <w:pStyle w:val="Normalbullettext"/>
      </w:pPr>
      <w:hyperlink r:id="rId11" w:tooltip="Section 7 Endangered Species Act Handbook" w:history="1">
        <w:r w:rsidR="004F6F6D" w:rsidRPr="004F6F6D">
          <w:rPr>
            <w:rStyle w:val="Hyperlink"/>
          </w:rPr>
          <w:t>Endangered Species Consultation Handbook:  Procedures for Conducting Consultation and Conference Activities Under Section 7 of the Endangered Species Act.</w:t>
        </w:r>
      </w:hyperlink>
      <w:r w:rsidR="004F6F6D" w:rsidRPr="004F6F6D">
        <w:t xml:space="preserve"> </w:t>
      </w:r>
      <w:r w:rsidR="006F08E3">
        <w:t xml:space="preserve"> </w:t>
      </w:r>
      <w:r w:rsidR="004F6F6D" w:rsidRPr="004F6F6D">
        <w:t>March 1998.</w:t>
      </w:r>
    </w:p>
    <w:p w14:paraId="620CE578" w14:textId="2B486319" w:rsidR="00336A1A" w:rsidRPr="004F6F6D" w:rsidRDefault="009740D3" w:rsidP="002B23E5">
      <w:pPr>
        <w:pStyle w:val="Normalbullettext"/>
      </w:pPr>
      <w:hyperlink r:id="rId12" w:tooltip="Framework for Conducting Jeopardy Analyses under Section 7" w:history="1">
        <w:r w:rsidR="004F6F6D" w:rsidRPr="004F6F6D">
          <w:rPr>
            <w:rStyle w:val="Hyperlink"/>
          </w:rPr>
          <w:t>An Assessment Framework for Conducting Jeopardy Analyses under Section 7 of the Endangered Species Act</w:t>
        </w:r>
      </w:hyperlink>
      <w:r w:rsidR="004F6F6D" w:rsidRPr="004F6F6D">
        <w:t>.  Modified June 6, 2004.</w:t>
      </w:r>
    </w:p>
    <w:p w14:paraId="32F8D57B" w14:textId="42814A29" w:rsidR="006E5DDF" w:rsidRDefault="007215AA" w:rsidP="006E5DDF">
      <w:pPr>
        <w:pStyle w:val="Heading1"/>
      </w:pPr>
      <w:r w:rsidRPr="00884CEA">
        <w:t>BA Outline and Checklist</w:t>
      </w:r>
    </w:p>
    <w:p w14:paraId="7506DCFC" w14:textId="21721EDB" w:rsidR="006E5DDF" w:rsidRPr="006E5DDF" w:rsidRDefault="006E5DDF" w:rsidP="00A229C0">
      <w:pPr>
        <w:ind w:left="720" w:hanging="720"/>
      </w:pPr>
      <w:r>
        <w:fldChar w:fldCharType="begin">
          <w:ffData>
            <w:name w:val="Check122"/>
            <w:enabled/>
            <w:calcOnExit w:val="0"/>
            <w:checkBox>
              <w:sizeAuto/>
              <w:default w:val="0"/>
            </w:checkBox>
          </w:ffData>
        </w:fldChar>
      </w:r>
      <w:bookmarkStart w:id="15" w:name="Check122"/>
      <w:r>
        <w:instrText xml:space="preserve"> FORMCHECKBOX </w:instrText>
      </w:r>
      <w:r w:rsidR="009740D3">
        <w:fldChar w:fldCharType="separate"/>
      </w:r>
      <w:r>
        <w:fldChar w:fldCharType="end"/>
      </w:r>
      <w:bookmarkEnd w:id="15"/>
      <w:r>
        <w:tab/>
      </w:r>
      <w:bookmarkStart w:id="16" w:name="_Hlk54010526"/>
      <w:r>
        <w:t>Executive Summary:  findings, including may affect and no effect determinations for all species and designated critical habitat listed on USFWS/</w:t>
      </w:r>
      <w:proofErr w:type="spellStart"/>
      <w:r>
        <w:t>IPaC</w:t>
      </w:r>
      <w:proofErr w:type="spellEnd"/>
      <w:r>
        <w:t xml:space="preserve"> </w:t>
      </w:r>
      <w:r w:rsidR="00A229C0">
        <w:t xml:space="preserve">species </w:t>
      </w:r>
      <w:r>
        <w:t>list.</w:t>
      </w:r>
    </w:p>
    <w:bookmarkEnd w:id="16"/>
    <w:p w14:paraId="052D335E" w14:textId="77777777" w:rsidR="007215AA" w:rsidRPr="002B23E5" w:rsidRDefault="007215AA" w:rsidP="00884CEA">
      <w:pPr>
        <w:pStyle w:val="Heading2"/>
      </w:pPr>
      <w:r w:rsidRPr="002B23E5">
        <w:t>Introduction</w:t>
      </w:r>
    </w:p>
    <w:p w14:paraId="32185712" w14:textId="77777777" w:rsidR="007215AA" w:rsidRDefault="007215AA" w:rsidP="002B23E5">
      <w:pPr>
        <w:tabs>
          <w:tab w:val="left" w:pos="720"/>
        </w:tabs>
        <w:contextualSpacing/>
      </w:pPr>
      <w:r>
        <w:fldChar w:fldCharType="begin">
          <w:ffData>
            <w:name w:val="Check7"/>
            <w:enabled/>
            <w:calcOnExit w:val="0"/>
            <w:checkBox>
              <w:sizeAuto/>
              <w:default w:val="0"/>
            </w:checkBox>
          </w:ffData>
        </w:fldChar>
      </w:r>
      <w:bookmarkStart w:id="17" w:name="Check7"/>
      <w:r>
        <w:instrText xml:space="preserve"> FORMCHECKBOX </w:instrText>
      </w:r>
      <w:r w:rsidR="009740D3">
        <w:fldChar w:fldCharType="separate"/>
      </w:r>
      <w:r>
        <w:fldChar w:fldCharType="end"/>
      </w:r>
      <w:bookmarkEnd w:id="17"/>
      <w:r w:rsidR="006503FF">
        <w:tab/>
      </w:r>
      <w:r>
        <w:t>Purpose and need of the proposed action.</w:t>
      </w:r>
    </w:p>
    <w:p w14:paraId="6AD110AC" w14:textId="77777777" w:rsidR="007215AA" w:rsidRDefault="007215AA" w:rsidP="002B23E5">
      <w:pPr>
        <w:tabs>
          <w:tab w:val="left" w:pos="720"/>
        </w:tabs>
        <w:contextualSpacing/>
      </w:pPr>
      <w:r>
        <w:fldChar w:fldCharType="begin">
          <w:ffData>
            <w:name w:val="Check8"/>
            <w:enabled/>
            <w:calcOnExit w:val="0"/>
            <w:checkBox>
              <w:sizeAuto/>
              <w:default w:val="0"/>
            </w:checkBox>
          </w:ffData>
        </w:fldChar>
      </w:r>
      <w:bookmarkStart w:id="18" w:name="Check8"/>
      <w:r>
        <w:instrText xml:space="preserve"> FORMCHECKBOX </w:instrText>
      </w:r>
      <w:r w:rsidR="009740D3">
        <w:fldChar w:fldCharType="separate"/>
      </w:r>
      <w:r>
        <w:fldChar w:fldCharType="end"/>
      </w:r>
      <w:bookmarkEnd w:id="18"/>
      <w:r w:rsidR="006503FF">
        <w:tab/>
      </w:r>
      <w:r>
        <w:t>General location of the proposed action.</w:t>
      </w:r>
    </w:p>
    <w:p w14:paraId="71798D18" w14:textId="5AB3E5CA" w:rsidR="007215AA" w:rsidRDefault="007215AA" w:rsidP="002B23E5">
      <w:pPr>
        <w:tabs>
          <w:tab w:val="left" w:pos="720"/>
        </w:tabs>
        <w:contextualSpacing/>
      </w:pPr>
      <w:r>
        <w:fldChar w:fldCharType="begin">
          <w:ffData>
            <w:name w:val="Check9"/>
            <w:enabled/>
            <w:calcOnExit w:val="0"/>
            <w:checkBox>
              <w:sizeAuto/>
              <w:default w:val="0"/>
            </w:checkBox>
          </w:ffData>
        </w:fldChar>
      </w:r>
      <w:bookmarkStart w:id="19" w:name="Check9"/>
      <w:r>
        <w:instrText xml:space="preserve"> FORMCHECKBOX </w:instrText>
      </w:r>
      <w:r w:rsidR="009740D3">
        <w:fldChar w:fldCharType="separate"/>
      </w:r>
      <w:r>
        <w:fldChar w:fldCharType="end"/>
      </w:r>
      <w:bookmarkEnd w:id="19"/>
      <w:r w:rsidR="006503FF">
        <w:tab/>
      </w:r>
      <w:r>
        <w:t>Brief summary of the proposed action.</w:t>
      </w:r>
    </w:p>
    <w:p w14:paraId="4677DCD8" w14:textId="13691E82" w:rsidR="007215AA" w:rsidRPr="007215AA" w:rsidRDefault="006E5DDF" w:rsidP="002B23E5">
      <w:pPr>
        <w:tabs>
          <w:tab w:val="left" w:pos="720"/>
        </w:tabs>
        <w:contextualSpacing/>
      </w:pPr>
      <w:r>
        <w:fldChar w:fldCharType="begin">
          <w:ffData>
            <w:name w:val="Check123"/>
            <w:enabled/>
            <w:calcOnExit w:val="0"/>
            <w:checkBox>
              <w:sizeAuto/>
              <w:default w:val="0"/>
            </w:checkBox>
          </w:ffData>
        </w:fldChar>
      </w:r>
      <w:bookmarkStart w:id="20" w:name="Check123"/>
      <w:r>
        <w:instrText xml:space="preserve"> FORMCHECKBOX </w:instrText>
      </w:r>
      <w:r w:rsidR="009740D3">
        <w:fldChar w:fldCharType="separate"/>
      </w:r>
      <w:r>
        <w:fldChar w:fldCharType="end"/>
      </w:r>
      <w:bookmarkEnd w:id="20"/>
      <w:r>
        <w:tab/>
        <w:t>Brief description of biological or habitat studies conducted for the action</w:t>
      </w:r>
      <w:r w:rsidR="007215AA">
        <w:t>.</w:t>
      </w:r>
    </w:p>
    <w:p w14:paraId="7F602F65" w14:textId="77777777" w:rsidR="007215AA" w:rsidRDefault="007215AA" w:rsidP="002B23E5">
      <w:pPr>
        <w:pStyle w:val="Heading2"/>
      </w:pPr>
      <w:r>
        <w:t>Consultation History</w:t>
      </w:r>
    </w:p>
    <w:p w14:paraId="2807293C" w14:textId="245E0FDE" w:rsidR="007215AA" w:rsidRDefault="007215AA" w:rsidP="002B23E5">
      <w:pPr>
        <w:tabs>
          <w:tab w:val="left" w:pos="540"/>
        </w:tabs>
        <w:ind w:left="720" w:hanging="720"/>
        <w:contextualSpacing/>
      </w:pPr>
      <w:r>
        <w:fldChar w:fldCharType="begin">
          <w:ffData>
            <w:name w:val="Check13"/>
            <w:enabled/>
            <w:calcOnExit w:val="0"/>
            <w:checkBox>
              <w:sizeAuto/>
              <w:default w:val="0"/>
            </w:checkBox>
          </w:ffData>
        </w:fldChar>
      </w:r>
      <w:bookmarkStart w:id="21" w:name="Check13"/>
      <w:r>
        <w:instrText xml:space="preserve"> FORMCHECKBOX </w:instrText>
      </w:r>
      <w:r w:rsidR="009740D3">
        <w:fldChar w:fldCharType="separate"/>
      </w:r>
      <w:r>
        <w:fldChar w:fldCharType="end"/>
      </w:r>
      <w:bookmarkEnd w:id="21"/>
      <w:r w:rsidR="006503FF">
        <w:tab/>
      </w:r>
      <w:r w:rsidR="002B23E5">
        <w:tab/>
      </w:r>
      <w:r w:rsidRPr="007215AA">
        <w:t xml:space="preserve">Summarize discussions, meetings, and written correspondence with regulatory </w:t>
      </w:r>
      <w:r w:rsidR="006E5DDF">
        <w:t xml:space="preserve">agencies </w:t>
      </w:r>
      <w:r w:rsidRPr="007215AA">
        <w:t>or other partners that are relevant to the proposed action and the ESA consultation.</w:t>
      </w:r>
    </w:p>
    <w:p w14:paraId="0015ADA9" w14:textId="3EF8FD40" w:rsidR="006E5DDF" w:rsidRDefault="006E5DDF" w:rsidP="006E5DDF">
      <w:pPr>
        <w:tabs>
          <w:tab w:val="left" w:pos="720"/>
        </w:tabs>
        <w:contextualSpacing/>
      </w:pPr>
      <w:r>
        <w:fldChar w:fldCharType="begin">
          <w:ffData>
            <w:name w:val="Check10"/>
            <w:enabled/>
            <w:calcOnExit w:val="0"/>
            <w:checkBox>
              <w:sizeAuto/>
              <w:default w:val="0"/>
            </w:checkBox>
          </w:ffData>
        </w:fldChar>
      </w:r>
      <w:bookmarkStart w:id="22" w:name="Check10"/>
      <w:r>
        <w:instrText xml:space="preserve"> FORMCHECKBOX </w:instrText>
      </w:r>
      <w:r w:rsidR="009740D3">
        <w:fldChar w:fldCharType="separate"/>
      </w:r>
      <w:r>
        <w:fldChar w:fldCharType="end"/>
      </w:r>
      <w:bookmarkEnd w:id="22"/>
      <w:r>
        <w:tab/>
        <w:t>Documents provided to USFWS that are related to the proposed action.</w:t>
      </w:r>
    </w:p>
    <w:p w14:paraId="711851EB" w14:textId="3DB3EBC6" w:rsidR="00B06A47" w:rsidRDefault="00B06A47" w:rsidP="006E5DDF">
      <w:pPr>
        <w:tabs>
          <w:tab w:val="left" w:pos="720"/>
        </w:tabs>
        <w:contextualSpacing/>
      </w:pPr>
      <w:r>
        <w:fldChar w:fldCharType="begin">
          <w:ffData>
            <w:name w:val="Check153"/>
            <w:enabled/>
            <w:calcOnExit w:val="0"/>
            <w:checkBox>
              <w:sizeAuto/>
              <w:default w:val="0"/>
            </w:checkBox>
          </w:ffData>
        </w:fldChar>
      </w:r>
      <w:bookmarkStart w:id="23" w:name="Check153"/>
      <w:r>
        <w:instrText xml:space="preserve"> FORMCHECKBOX </w:instrText>
      </w:r>
      <w:r w:rsidR="009740D3">
        <w:fldChar w:fldCharType="separate"/>
      </w:r>
      <w:r>
        <w:fldChar w:fldCharType="end"/>
      </w:r>
      <w:bookmarkEnd w:id="23"/>
      <w:r>
        <w:tab/>
        <w:t>Other pertinent history.</w:t>
      </w:r>
    </w:p>
    <w:p w14:paraId="35C599DF" w14:textId="77777777" w:rsidR="007215AA" w:rsidRDefault="007215AA" w:rsidP="002B23E5">
      <w:pPr>
        <w:pStyle w:val="Heading2"/>
      </w:pPr>
      <w:r>
        <w:t>Description of the Proposed Action</w:t>
      </w:r>
    </w:p>
    <w:p w14:paraId="78ACC6E4" w14:textId="77777777" w:rsidR="007215AA" w:rsidRPr="00733B70" w:rsidRDefault="007215AA" w:rsidP="00733B70">
      <w:pPr>
        <w:pStyle w:val="Heading3"/>
      </w:pPr>
      <w:r w:rsidRPr="00733B70">
        <w:t>Project Summary</w:t>
      </w:r>
    </w:p>
    <w:p w14:paraId="17571297" w14:textId="59B965F4" w:rsidR="007215AA" w:rsidRDefault="007215AA" w:rsidP="002B23E5">
      <w:pPr>
        <w:tabs>
          <w:tab w:val="left" w:pos="720"/>
        </w:tabs>
        <w:ind w:left="720" w:hanging="720"/>
        <w:contextualSpacing/>
      </w:pPr>
      <w:r>
        <w:fldChar w:fldCharType="begin">
          <w:ffData>
            <w:name w:val="Check14"/>
            <w:enabled/>
            <w:calcOnExit w:val="0"/>
            <w:checkBox>
              <w:sizeAuto/>
              <w:default w:val="0"/>
            </w:checkBox>
          </w:ffData>
        </w:fldChar>
      </w:r>
      <w:bookmarkStart w:id="24" w:name="Check14"/>
      <w:r>
        <w:instrText xml:space="preserve"> FORMCHECKBOX </w:instrText>
      </w:r>
      <w:r w:rsidR="009740D3">
        <w:fldChar w:fldCharType="separate"/>
      </w:r>
      <w:r>
        <w:fldChar w:fldCharType="end"/>
      </w:r>
      <w:bookmarkEnd w:id="24"/>
      <w:r w:rsidR="006503FF">
        <w:tab/>
      </w:r>
      <w:r w:rsidR="00F27CA5" w:rsidRPr="00F27CA5">
        <w:t>A summarized description of the agency action proposed to be authorized, funded, or carried out in which there is discretionary Federal involvement</w:t>
      </w:r>
      <w:r w:rsidR="00B06A47">
        <w:t>,</w:t>
      </w:r>
      <w:r w:rsidR="00F27CA5" w:rsidRPr="00F27CA5">
        <w:t xml:space="preserve"> or control.</w:t>
      </w:r>
    </w:p>
    <w:p w14:paraId="0270E4C7" w14:textId="678FAA19" w:rsidR="007215AA" w:rsidRPr="00E1160E" w:rsidRDefault="007215AA" w:rsidP="00733B70">
      <w:pPr>
        <w:pStyle w:val="Heading3"/>
      </w:pPr>
      <w:r w:rsidRPr="00E1160E">
        <w:t>Authorities</w:t>
      </w:r>
    </w:p>
    <w:p w14:paraId="2AAA7137" w14:textId="01E8C425" w:rsidR="007215AA" w:rsidRDefault="007215AA" w:rsidP="00CA4DBF">
      <w:pPr>
        <w:tabs>
          <w:tab w:val="left" w:pos="720"/>
        </w:tabs>
        <w:ind w:left="720" w:hanging="720"/>
        <w:contextualSpacing/>
      </w:pPr>
      <w:r>
        <w:fldChar w:fldCharType="begin">
          <w:ffData>
            <w:name w:val="Check15"/>
            <w:enabled/>
            <w:calcOnExit w:val="0"/>
            <w:checkBox>
              <w:sizeAuto/>
              <w:default w:val="0"/>
            </w:checkBox>
          </w:ffData>
        </w:fldChar>
      </w:r>
      <w:bookmarkStart w:id="25" w:name="Check15"/>
      <w:r>
        <w:instrText xml:space="preserve"> FORMCHECKBOX </w:instrText>
      </w:r>
      <w:r w:rsidR="009740D3">
        <w:fldChar w:fldCharType="separate"/>
      </w:r>
      <w:r>
        <w:fldChar w:fldCharType="end"/>
      </w:r>
      <w:bookmarkEnd w:id="25"/>
      <w:r w:rsidR="006503FF">
        <w:tab/>
      </w:r>
      <w:r w:rsidR="00F27CA5" w:rsidRPr="00F27CA5">
        <w:t xml:space="preserve">A description of the </w:t>
      </w:r>
      <w:r w:rsidR="00CA4DBF">
        <w:t xml:space="preserve">Federal, </w:t>
      </w:r>
      <w:r w:rsidR="00F27CA5" w:rsidRPr="00F27CA5">
        <w:t>State</w:t>
      </w:r>
      <w:r w:rsidR="00CA4DBF">
        <w:t>,</w:t>
      </w:r>
      <w:r w:rsidR="00F27CA5" w:rsidRPr="00F27CA5">
        <w:t xml:space="preserve"> and local authorities’ policies</w:t>
      </w:r>
      <w:r w:rsidR="00B06A47">
        <w:t xml:space="preserve">, </w:t>
      </w:r>
      <w:r w:rsidR="00F27CA5" w:rsidRPr="00F27CA5">
        <w:t xml:space="preserve">and ordinances </w:t>
      </w:r>
      <w:r w:rsidR="00CA4DBF">
        <w:t>under which the project is being proposed, implemented, maintained, regulated, or otherwise affected.</w:t>
      </w:r>
    </w:p>
    <w:p w14:paraId="67C603B3" w14:textId="77777777" w:rsidR="007215AA" w:rsidRPr="00E1160E" w:rsidRDefault="007215AA" w:rsidP="00733B70">
      <w:pPr>
        <w:pStyle w:val="Heading3"/>
        <w:keepNext/>
      </w:pPr>
      <w:r w:rsidRPr="00E1160E">
        <w:lastRenderedPageBreak/>
        <w:t>Project Location</w:t>
      </w:r>
    </w:p>
    <w:p w14:paraId="3288D720" w14:textId="77777777" w:rsidR="007215AA" w:rsidRDefault="00F27CA5" w:rsidP="002B23E5">
      <w:pPr>
        <w:ind w:left="720" w:hanging="720"/>
        <w:contextualSpacing/>
      </w:pPr>
      <w:r>
        <w:fldChar w:fldCharType="begin">
          <w:ffData>
            <w:name w:val="Check17"/>
            <w:enabled/>
            <w:calcOnExit w:val="0"/>
            <w:checkBox>
              <w:sizeAuto/>
              <w:default w:val="0"/>
            </w:checkBox>
          </w:ffData>
        </w:fldChar>
      </w:r>
      <w:bookmarkStart w:id="26" w:name="Check17"/>
      <w:r>
        <w:instrText xml:space="preserve"> FORMCHECKBOX </w:instrText>
      </w:r>
      <w:r w:rsidR="009740D3">
        <w:fldChar w:fldCharType="separate"/>
      </w:r>
      <w:r>
        <w:fldChar w:fldCharType="end"/>
      </w:r>
      <w:bookmarkEnd w:id="26"/>
      <w:r w:rsidR="006503FF">
        <w:tab/>
      </w:r>
      <w:r w:rsidRPr="00F27CA5">
        <w:t>Project location, county, route, post-mile (PM), river mile (RM), latitude/longitude coordinates, or other applicable geographic location data.</w:t>
      </w:r>
    </w:p>
    <w:p w14:paraId="29238A15" w14:textId="6C92EF9C" w:rsidR="00F27CA5" w:rsidRDefault="00F27CA5" w:rsidP="00B06A47">
      <w:pPr>
        <w:ind w:left="720" w:hanging="720"/>
        <w:contextualSpacing/>
      </w:pPr>
      <w:r>
        <w:fldChar w:fldCharType="begin">
          <w:ffData>
            <w:name w:val="Check18"/>
            <w:enabled/>
            <w:calcOnExit w:val="0"/>
            <w:checkBox>
              <w:sizeAuto/>
              <w:default w:val="0"/>
            </w:checkBox>
          </w:ffData>
        </w:fldChar>
      </w:r>
      <w:bookmarkStart w:id="27" w:name="Check18"/>
      <w:r>
        <w:instrText xml:space="preserve"> FORMCHECKBOX </w:instrText>
      </w:r>
      <w:r w:rsidR="009740D3">
        <w:fldChar w:fldCharType="separate"/>
      </w:r>
      <w:r>
        <w:fldChar w:fldCharType="end"/>
      </w:r>
      <w:bookmarkEnd w:id="27"/>
      <w:r w:rsidR="006503FF">
        <w:tab/>
      </w:r>
      <w:r w:rsidRPr="00F27CA5">
        <w:t>Map of project location/vicinity, including topographic representation and/or photographs if available.</w:t>
      </w:r>
    </w:p>
    <w:p w14:paraId="5375030C" w14:textId="77777777" w:rsidR="00F27CA5" w:rsidRDefault="00F27CA5" w:rsidP="002B23E5">
      <w:pPr>
        <w:ind w:left="720" w:hanging="720"/>
        <w:contextualSpacing/>
      </w:pPr>
      <w:r>
        <w:fldChar w:fldCharType="begin">
          <w:ffData>
            <w:name w:val="Check20"/>
            <w:enabled/>
            <w:calcOnExit w:val="0"/>
            <w:checkBox>
              <w:sizeAuto/>
              <w:default w:val="0"/>
            </w:checkBox>
          </w:ffData>
        </w:fldChar>
      </w:r>
      <w:bookmarkStart w:id="28" w:name="Check20"/>
      <w:r>
        <w:instrText xml:space="preserve"> FORMCHECKBOX </w:instrText>
      </w:r>
      <w:r w:rsidR="009740D3">
        <w:fldChar w:fldCharType="separate"/>
      </w:r>
      <w:r>
        <w:fldChar w:fldCharType="end"/>
      </w:r>
      <w:bookmarkEnd w:id="28"/>
      <w:r w:rsidR="006503FF">
        <w:tab/>
      </w:r>
      <w:r w:rsidR="00566C3B" w:rsidRPr="00566C3B">
        <w:t>Site photographs.</w:t>
      </w:r>
    </w:p>
    <w:p w14:paraId="4B02BEC6" w14:textId="3537DCDF" w:rsidR="00F27CA5" w:rsidRDefault="00F27CA5" w:rsidP="00F30BC3">
      <w:pPr>
        <w:ind w:left="720" w:hanging="720"/>
        <w:contextualSpacing/>
      </w:pPr>
      <w:r>
        <w:fldChar w:fldCharType="begin">
          <w:ffData>
            <w:name w:val="Check21"/>
            <w:enabled/>
            <w:calcOnExit w:val="0"/>
            <w:checkBox>
              <w:sizeAuto/>
              <w:default w:val="0"/>
            </w:checkBox>
          </w:ffData>
        </w:fldChar>
      </w:r>
      <w:bookmarkStart w:id="29" w:name="Check21"/>
      <w:r>
        <w:instrText xml:space="preserve"> FORMCHECKBOX </w:instrText>
      </w:r>
      <w:r w:rsidR="009740D3">
        <w:fldChar w:fldCharType="separate"/>
      </w:r>
      <w:r>
        <w:fldChar w:fldCharType="end"/>
      </w:r>
      <w:bookmarkEnd w:id="29"/>
      <w:r w:rsidR="006503FF">
        <w:tab/>
      </w:r>
      <w:r w:rsidR="00566C3B" w:rsidRPr="00566C3B">
        <w:t>Other geographic information that will help describe the physical location of the project</w:t>
      </w:r>
      <w:r w:rsidR="00CA4DBF">
        <w:t xml:space="preserve"> such as adjacent land uses, approximate total project length (for linear projects), and approximate elevation range for the project.</w:t>
      </w:r>
    </w:p>
    <w:p w14:paraId="435D7C7C" w14:textId="487ABE28" w:rsidR="00F27CA5" w:rsidRDefault="00F27CA5" w:rsidP="00F30BC3">
      <w:pPr>
        <w:ind w:left="720" w:hanging="720"/>
        <w:contextualSpacing/>
      </w:pPr>
      <w:r>
        <w:fldChar w:fldCharType="begin">
          <w:ffData>
            <w:name w:val="Check22"/>
            <w:enabled/>
            <w:calcOnExit w:val="0"/>
            <w:checkBox>
              <w:sizeAuto/>
              <w:default w:val="0"/>
            </w:checkBox>
          </w:ffData>
        </w:fldChar>
      </w:r>
      <w:bookmarkStart w:id="30" w:name="Check22"/>
      <w:r>
        <w:instrText xml:space="preserve"> FORMCHECKBOX </w:instrText>
      </w:r>
      <w:r w:rsidR="009740D3">
        <w:fldChar w:fldCharType="separate"/>
      </w:r>
      <w:r>
        <w:fldChar w:fldCharType="end"/>
      </w:r>
      <w:bookmarkEnd w:id="30"/>
      <w:r w:rsidR="006503FF">
        <w:tab/>
      </w:r>
      <w:r w:rsidR="00566C3B" w:rsidRPr="00566C3B">
        <w:t xml:space="preserve">Description of environmentally sensitive areas </w:t>
      </w:r>
      <w:r w:rsidR="00566C3B">
        <w:t xml:space="preserve">(ESAs) </w:t>
      </w:r>
      <w:r w:rsidR="00566C3B" w:rsidRPr="00566C3B">
        <w:t xml:space="preserve">within the project area, including occupied habitat or </w:t>
      </w:r>
      <w:r w:rsidR="00566C3B" w:rsidRPr="00DA59E5">
        <w:t>primary constituent elements</w:t>
      </w:r>
      <w:r w:rsidR="00CA4DBF">
        <w:t>/physical or biological features (PCEs/PBFs)</w:t>
      </w:r>
      <w:r w:rsidR="00566C3B" w:rsidRPr="00566C3B">
        <w:t xml:space="preserve"> of critical habitat.</w:t>
      </w:r>
    </w:p>
    <w:p w14:paraId="747D709E" w14:textId="4F4D5842" w:rsidR="00566C3B" w:rsidRPr="00E1160E" w:rsidRDefault="00566C3B" w:rsidP="00733B70">
      <w:pPr>
        <w:pStyle w:val="Heading3"/>
      </w:pPr>
      <w:r w:rsidRPr="00E1160E">
        <w:t xml:space="preserve">Construction </w:t>
      </w:r>
      <w:r w:rsidR="00496D8E" w:rsidRPr="00E1160E">
        <w:t>Activities</w:t>
      </w:r>
    </w:p>
    <w:p w14:paraId="0B5659DC" w14:textId="77777777" w:rsidR="00566C3B" w:rsidRPr="000376F2" w:rsidRDefault="00566C3B" w:rsidP="00733B70">
      <w:pPr>
        <w:pStyle w:val="Heading3"/>
      </w:pPr>
      <w:r w:rsidRPr="000376F2">
        <w:t>Deconstruct the Action</w:t>
      </w:r>
    </w:p>
    <w:p w14:paraId="7C8D6BFC" w14:textId="4BFE2667" w:rsidR="001D5DE2" w:rsidRDefault="00E32A7D" w:rsidP="001D5DE2">
      <w:pPr>
        <w:ind w:left="720" w:hanging="720"/>
        <w:contextualSpacing/>
      </w:pPr>
      <w:r>
        <w:fldChar w:fldCharType="begin">
          <w:ffData>
            <w:name w:val="Check27"/>
            <w:enabled/>
            <w:calcOnExit w:val="0"/>
            <w:checkBox>
              <w:sizeAuto/>
              <w:default w:val="0"/>
            </w:checkBox>
          </w:ffData>
        </w:fldChar>
      </w:r>
      <w:bookmarkStart w:id="31" w:name="Check27"/>
      <w:r>
        <w:instrText xml:space="preserve"> FORMCHECKBOX </w:instrText>
      </w:r>
      <w:r w:rsidR="009740D3">
        <w:fldChar w:fldCharType="separate"/>
      </w:r>
      <w:r>
        <w:fldChar w:fldCharType="end"/>
      </w:r>
      <w:bookmarkEnd w:id="31"/>
      <w:r w:rsidR="002B23E5">
        <w:tab/>
      </w:r>
      <w:r w:rsidR="00496D8E" w:rsidRPr="0017407D">
        <w:t xml:space="preserve">Deconstruct the action; </w:t>
      </w:r>
      <w:r w:rsidR="00496D8E">
        <w:t>b</w:t>
      </w:r>
      <w:r w:rsidR="00496D8E" w:rsidRPr="0017407D">
        <w:t xml:space="preserve">reak the action down into components of the project </w:t>
      </w:r>
      <w:r w:rsidR="00496D8E">
        <w:t>and</w:t>
      </w:r>
      <w:r w:rsidR="00496D8E" w:rsidRPr="0017407D">
        <w:t xml:space="preserve"> identify any environmental stressors (physical, chemical, biotic, </w:t>
      </w:r>
      <w:r w:rsidR="003E7AFA" w:rsidRPr="0017407D">
        <w:t>etc.</w:t>
      </w:r>
      <w:r w:rsidR="00496D8E" w:rsidRPr="0017407D">
        <w:t>) that would directly or indirectly affect species and critical habitat, caused by the action.</w:t>
      </w:r>
    </w:p>
    <w:p w14:paraId="5355F7EE" w14:textId="2EC37232" w:rsidR="00496D8E" w:rsidRPr="001D5DE2" w:rsidRDefault="001D5DE2" w:rsidP="001D5DE2">
      <w:pPr>
        <w:ind w:left="720" w:hanging="720"/>
        <w:contextualSpacing/>
      </w:pPr>
      <w:r>
        <w:fldChar w:fldCharType="begin">
          <w:ffData>
            <w:name w:val="Check150"/>
            <w:enabled/>
            <w:calcOnExit w:val="0"/>
            <w:checkBox>
              <w:sizeAuto/>
              <w:default w:val="0"/>
            </w:checkBox>
          </w:ffData>
        </w:fldChar>
      </w:r>
      <w:bookmarkStart w:id="32" w:name="Check150"/>
      <w:r>
        <w:instrText xml:space="preserve"> FORMCHECKBOX </w:instrText>
      </w:r>
      <w:r w:rsidR="009740D3">
        <w:fldChar w:fldCharType="separate"/>
      </w:r>
      <w:r>
        <w:fldChar w:fldCharType="end"/>
      </w:r>
      <w:bookmarkEnd w:id="32"/>
      <w:r>
        <w:tab/>
      </w:r>
      <w:r w:rsidR="00496D8E" w:rsidRPr="001D5DE2">
        <w:t>Specify the project alternative on which consultation is requested.</w:t>
      </w:r>
    </w:p>
    <w:p w14:paraId="24154200" w14:textId="0561E616" w:rsidR="00496D8E" w:rsidRPr="001D5DE2" w:rsidRDefault="001D5DE2" w:rsidP="001D5DE2">
      <w:pPr>
        <w:ind w:left="720" w:hanging="720"/>
        <w:contextualSpacing/>
      </w:pPr>
      <w:r w:rsidRPr="001D5DE2">
        <w:fldChar w:fldCharType="begin">
          <w:ffData>
            <w:name w:val="Check143"/>
            <w:enabled/>
            <w:calcOnExit w:val="0"/>
            <w:checkBox>
              <w:sizeAuto/>
              <w:default w:val="0"/>
            </w:checkBox>
          </w:ffData>
        </w:fldChar>
      </w:r>
      <w:bookmarkStart w:id="33" w:name="Check143"/>
      <w:r w:rsidRPr="001D5DE2">
        <w:instrText xml:space="preserve"> FORMCHECKBOX </w:instrText>
      </w:r>
      <w:r w:rsidR="009740D3">
        <w:fldChar w:fldCharType="separate"/>
      </w:r>
      <w:r w:rsidRPr="001D5DE2">
        <w:fldChar w:fldCharType="end"/>
      </w:r>
      <w:bookmarkEnd w:id="33"/>
      <w:r w:rsidRPr="001D5DE2">
        <w:tab/>
      </w:r>
      <w:r w:rsidR="00496D8E" w:rsidRPr="001D5DE2">
        <w:t xml:space="preserve">Describe pre-construction work (vegetation removal, etc.). </w:t>
      </w:r>
    </w:p>
    <w:p w14:paraId="5E91B9FD" w14:textId="205043AB" w:rsidR="00496D8E" w:rsidRPr="001D5DE2" w:rsidRDefault="001D5DE2" w:rsidP="001D5DE2">
      <w:pPr>
        <w:ind w:left="720" w:hanging="720"/>
        <w:contextualSpacing/>
      </w:pPr>
      <w:r w:rsidRPr="001D5DE2">
        <w:fldChar w:fldCharType="begin">
          <w:ffData>
            <w:name w:val="Check144"/>
            <w:enabled/>
            <w:calcOnExit w:val="0"/>
            <w:checkBox>
              <w:sizeAuto/>
              <w:default w:val="0"/>
            </w:checkBox>
          </w:ffData>
        </w:fldChar>
      </w:r>
      <w:bookmarkStart w:id="34" w:name="Check144"/>
      <w:r w:rsidRPr="001D5DE2">
        <w:instrText xml:space="preserve"> FORMCHECKBOX </w:instrText>
      </w:r>
      <w:r w:rsidR="009740D3">
        <w:fldChar w:fldCharType="separate"/>
      </w:r>
      <w:r w:rsidRPr="001D5DE2">
        <w:fldChar w:fldCharType="end"/>
      </w:r>
      <w:bookmarkEnd w:id="34"/>
      <w:r>
        <w:tab/>
      </w:r>
      <w:r w:rsidR="00496D8E" w:rsidRPr="001D5DE2">
        <w:t>Describe construction activities (earthwork, staging, work pads, demolition, haul roads, access, borrow/disposal/</w:t>
      </w:r>
      <w:proofErr w:type="gramStart"/>
      <w:r w:rsidR="00496D8E" w:rsidRPr="001D5DE2">
        <w:t>stock pile</w:t>
      </w:r>
      <w:proofErr w:type="gramEnd"/>
      <w:r w:rsidR="00496D8E" w:rsidRPr="001D5DE2">
        <w:t xml:space="preserve"> sites, utility relocation, methodology, changes to operational lighting, construction night lighting, construction noise e.g. pile drivers, etc.) </w:t>
      </w:r>
    </w:p>
    <w:p w14:paraId="1798FD66" w14:textId="67172FCE" w:rsidR="00496D8E" w:rsidRPr="001D5DE2" w:rsidRDefault="001D5DE2" w:rsidP="001D5DE2">
      <w:pPr>
        <w:ind w:left="720" w:hanging="720"/>
        <w:contextualSpacing/>
      </w:pPr>
      <w:r w:rsidRPr="001D5DE2">
        <w:fldChar w:fldCharType="begin">
          <w:ffData>
            <w:name w:val="Check145"/>
            <w:enabled/>
            <w:calcOnExit w:val="0"/>
            <w:checkBox>
              <w:sizeAuto/>
              <w:default w:val="0"/>
            </w:checkBox>
          </w:ffData>
        </w:fldChar>
      </w:r>
      <w:bookmarkStart w:id="35" w:name="Check145"/>
      <w:r w:rsidRPr="001D5DE2">
        <w:instrText xml:space="preserve"> FORMCHECKBOX </w:instrText>
      </w:r>
      <w:r w:rsidR="009740D3">
        <w:fldChar w:fldCharType="separate"/>
      </w:r>
      <w:r w:rsidRPr="001D5DE2">
        <w:fldChar w:fldCharType="end"/>
      </w:r>
      <w:bookmarkEnd w:id="35"/>
      <w:r w:rsidRPr="001D5DE2">
        <w:tab/>
      </w:r>
      <w:r w:rsidR="00496D8E" w:rsidRPr="001D5DE2">
        <w:t xml:space="preserve">Describe post-construction maintenance activities. </w:t>
      </w:r>
    </w:p>
    <w:p w14:paraId="633DE767" w14:textId="3901FF24" w:rsidR="00496D8E" w:rsidRPr="001D5DE2" w:rsidRDefault="001D5DE2" w:rsidP="001D5DE2">
      <w:pPr>
        <w:ind w:left="720" w:hanging="720"/>
        <w:contextualSpacing/>
      </w:pPr>
      <w:r w:rsidRPr="001D5DE2">
        <w:fldChar w:fldCharType="begin">
          <w:ffData>
            <w:name w:val="Check146"/>
            <w:enabled/>
            <w:calcOnExit w:val="0"/>
            <w:checkBox>
              <w:sizeAuto/>
              <w:default w:val="0"/>
            </w:checkBox>
          </w:ffData>
        </w:fldChar>
      </w:r>
      <w:bookmarkStart w:id="36" w:name="Check146"/>
      <w:r w:rsidRPr="001D5DE2">
        <w:instrText xml:space="preserve"> FORMCHECKBOX </w:instrText>
      </w:r>
      <w:r w:rsidR="009740D3">
        <w:fldChar w:fldCharType="separate"/>
      </w:r>
      <w:r w:rsidRPr="001D5DE2">
        <w:fldChar w:fldCharType="end"/>
      </w:r>
      <w:bookmarkEnd w:id="36"/>
      <w:r w:rsidRPr="001D5DE2">
        <w:tab/>
      </w:r>
      <w:r w:rsidR="00496D8E" w:rsidRPr="001D5DE2">
        <w:t xml:space="preserve">Detailed description of activities to occur within areas designated as critical habitat.  </w:t>
      </w:r>
    </w:p>
    <w:p w14:paraId="58E340D8" w14:textId="152B4BA7" w:rsidR="00496D8E" w:rsidRPr="001D5DE2" w:rsidRDefault="001D5DE2" w:rsidP="001D5DE2">
      <w:pPr>
        <w:ind w:left="720" w:hanging="720"/>
        <w:contextualSpacing/>
      </w:pPr>
      <w:r w:rsidRPr="001D5DE2">
        <w:fldChar w:fldCharType="begin">
          <w:ffData>
            <w:name w:val="Check147"/>
            <w:enabled/>
            <w:calcOnExit w:val="0"/>
            <w:checkBox>
              <w:sizeAuto/>
              <w:default w:val="0"/>
            </w:checkBox>
          </w:ffData>
        </w:fldChar>
      </w:r>
      <w:bookmarkStart w:id="37" w:name="Check147"/>
      <w:r w:rsidRPr="001D5DE2">
        <w:instrText xml:space="preserve"> FORMCHECKBOX </w:instrText>
      </w:r>
      <w:r w:rsidR="009740D3">
        <w:fldChar w:fldCharType="separate"/>
      </w:r>
      <w:r w:rsidRPr="001D5DE2">
        <w:fldChar w:fldCharType="end"/>
      </w:r>
      <w:bookmarkEnd w:id="37"/>
      <w:r w:rsidRPr="001D5DE2">
        <w:tab/>
      </w:r>
      <w:r w:rsidR="00496D8E" w:rsidRPr="001D5DE2">
        <w:t>Types of equipment and materials that will be used for construction.</w:t>
      </w:r>
    </w:p>
    <w:p w14:paraId="213B83ED" w14:textId="6458B5CD" w:rsidR="00496D8E" w:rsidRPr="001D5DE2" w:rsidRDefault="001D5DE2" w:rsidP="001D5DE2">
      <w:pPr>
        <w:ind w:left="720" w:hanging="720"/>
        <w:contextualSpacing/>
      </w:pPr>
      <w:r w:rsidRPr="001D5DE2">
        <w:fldChar w:fldCharType="begin">
          <w:ffData>
            <w:name w:val="Check148"/>
            <w:enabled/>
            <w:calcOnExit w:val="0"/>
            <w:checkBox>
              <w:sizeAuto/>
              <w:default w:val="0"/>
            </w:checkBox>
          </w:ffData>
        </w:fldChar>
      </w:r>
      <w:bookmarkStart w:id="38" w:name="Check148"/>
      <w:r w:rsidRPr="001D5DE2">
        <w:instrText xml:space="preserve"> FORMCHECKBOX </w:instrText>
      </w:r>
      <w:r w:rsidR="009740D3">
        <w:fldChar w:fldCharType="separate"/>
      </w:r>
      <w:r w:rsidRPr="001D5DE2">
        <w:fldChar w:fldCharType="end"/>
      </w:r>
      <w:bookmarkEnd w:id="38"/>
      <w:r w:rsidRPr="001D5DE2">
        <w:tab/>
      </w:r>
      <w:r w:rsidR="00496D8E" w:rsidRPr="001D5DE2">
        <w:t>Location for disposal of material and vegetation, and containment methods.</w:t>
      </w:r>
    </w:p>
    <w:p w14:paraId="0340CC54" w14:textId="3A4362AC" w:rsidR="00496D8E" w:rsidRPr="001D5DE2" w:rsidRDefault="001D5DE2" w:rsidP="001D5DE2">
      <w:pPr>
        <w:ind w:left="720" w:hanging="720"/>
        <w:contextualSpacing/>
      </w:pPr>
      <w:r w:rsidRPr="001D5DE2">
        <w:fldChar w:fldCharType="begin">
          <w:ffData>
            <w:name w:val="Check149"/>
            <w:enabled/>
            <w:calcOnExit w:val="0"/>
            <w:checkBox>
              <w:sizeAuto/>
              <w:default w:val="0"/>
            </w:checkBox>
          </w:ffData>
        </w:fldChar>
      </w:r>
      <w:bookmarkStart w:id="39" w:name="Check149"/>
      <w:r w:rsidRPr="001D5DE2">
        <w:instrText xml:space="preserve"> FORMCHECKBOX </w:instrText>
      </w:r>
      <w:r w:rsidR="009740D3">
        <w:fldChar w:fldCharType="separate"/>
      </w:r>
      <w:r w:rsidRPr="001D5DE2">
        <w:fldChar w:fldCharType="end"/>
      </w:r>
      <w:bookmarkEnd w:id="39"/>
      <w:r w:rsidRPr="001D5DE2">
        <w:tab/>
      </w:r>
      <w:r w:rsidR="00496D8E" w:rsidRPr="001D5DE2">
        <w:t>Timing of construction work (year project construction is anticipated to commence and be completed, time of year, day/night).</w:t>
      </w:r>
    </w:p>
    <w:p w14:paraId="0DAA9084" w14:textId="7C1AC9FB" w:rsidR="00566C3B" w:rsidRPr="009B1D61" w:rsidRDefault="00566C3B" w:rsidP="000376F2">
      <w:pPr>
        <w:pStyle w:val="Heading4"/>
      </w:pPr>
      <w:r w:rsidRPr="009B1D61">
        <w:t>Culverts/Bridges</w:t>
      </w:r>
      <w:r w:rsidR="00F1555E">
        <w:t>, within or near Rivers/Streams</w:t>
      </w:r>
    </w:p>
    <w:p w14:paraId="6376D76A" w14:textId="77777777" w:rsidR="009B1D61" w:rsidRPr="008E1E43" w:rsidRDefault="009B1D61" w:rsidP="009B1D61">
      <w:pPr>
        <w:ind w:left="720" w:hanging="720"/>
        <w:contextualSpacing/>
      </w:pPr>
      <w:r w:rsidRPr="009B1D61">
        <w:fldChar w:fldCharType="begin">
          <w:ffData>
            <w:name w:val="Check116"/>
            <w:enabled/>
            <w:calcOnExit w:val="0"/>
            <w:checkBox>
              <w:sizeAuto/>
              <w:default w:val="0"/>
            </w:checkBox>
          </w:ffData>
        </w:fldChar>
      </w:r>
      <w:bookmarkStart w:id="40" w:name="Check116"/>
      <w:r w:rsidRPr="009B1D61">
        <w:instrText xml:space="preserve"> FORMCHECKBOX </w:instrText>
      </w:r>
      <w:r w:rsidR="009740D3">
        <w:fldChar w:fldCharType="separate"/>
      </w:r>
      <w:r w:rsidRPr="009B1D61">
        <w:fldChar w:fldCharType="end"/>
      </w:r>
      <w:bookmarkEnd w:id="40"/>
      <w:r w:rsidRPr="009B1D61">
        <w:tab/>
      </w:r>
      <w:r w:rsidRPr="008E1E43">
        <w:t>Size and locations of existing culverts and other crossings.</w:t>
      </w:r>
    </w:p>
    <w:p w14:paraId="25ED141B" w14:textId="77777777" w:rsidR="001D5DE2" w:rsidRPr="001D5DE2" w:rsidRDefault="009B1D61" w:rsidP="00F1555E">
      <w:pPr>
        <w:ind w:left="720" w:hanging="720"/>
        <w:contextualSpacing/>
      </w:pPr>
      <w:r w:rsidRPr="008E1E43">
        <w:fldChar w:fldCharType="begin">
          <w:ffData>
            <w:name w:val="Check117"/>
            <w:enabled/>
            <w:calcOnExit w:val="0"/>
            <w:checkBox>
              <w:sizeAuto/>
              <w:default w:val="0"/>
            </w:checkBox>
          </w:ffData>
        </w:fldChar>
      </w:r>
      <w:bookmarkStart w:id="41" w:name="Check117"/>
      <w:r w:rsidRPr="008E1E43">
        <w:instrText xml:space="preserve"> FORMCHECKBOX </w:instrText>
      </w:r>
      <w:r w:rsidR="009740D3">
        <w:fldChar w:fldCharType="separate"/>
      </w:r>
      <w:r w:rsidRPr="008E1E43">
        <w:fldChar w:fldCharType="end"/>
      </w:r>
      <w:bookmarkEnd w:id="41"/>
      <w:r w:rsidRPr="008E1E43">
        <w:tab/>
      </w:r>
      <w:r w:rsidR="001D5DE2" w:rsidRPr="001D5DE2">
        <w:t>Maps depicting extent of work within listed species habitat or designated critical habitat.</w:t>
      </w:r>
    </w:p>
    <w:p w14:paraId="2CD73E93" w14:textId="6144C2AB" w:rsidR="009B1D61" w:rsidRPr="001D5DE2" w:rsidRDefault="009B1D61" w:rsidP="00F1555E">
      <w:pPr>
        <w:ind w:left="720" w:hanging="720"/>
        <w:contextualSpacing/>
      </w:pPr>
      <w:r w:rsidRPr="001D5DE2">
        <w:fldChar w:fldCharType="begin">
          <w:ffData>
            <w:name w:val="Check118"/>
            <w:enabled/>
            <w:calcOnExit w:val="0"/>
            <w:checkBox>
              <w:sizeAuto/>
              <w:default w:val="0"/>
            </w:checkBox>
          </w:ffData>
        </w:fldChar>
      </w:r>
      <w:bookmarkStart w:id="42" w:name="Check118"/>
      <w:r w:rsidRPr="001D5DE2">
        <w:instrText xml:space="preserve"> FORMCHECKBOX </w:instrText>
      </w:r>
      <w:r w:rsidR="009740D3">
        <w:fldChar w:fldCharType="separate"/>
      </w:r>
      <w:r w:rsidRPr="001D5DE2">
        <w:fldChar w:fldCharType="end"/>
      </w:r>
      <w:bookmarkEnd w:id="42"/>
      <w:r w:rsidRPr="001D5DE2">
        <w:tab/>
      </w:r>
      <w:r w:rsidR="00F1555E" w:rsidRPr="001D5DE2">
        <w:t>P</w:t>
      </w:r>
      <w:r w:rsidRPr="001D5DE2">
        <w:t>lans with cross-sections of culverts, bridges, and grade control structures.</w:t>
      </w:r>
    </w:p>
    <w:p w14:paraId="7997A0EF" w14:textId="2DDB6A53" w:rsidR="002426FC" w:rsidRDefault="001D5DE2" w:rsidP="00F1555E">
      <w:pPr>
        <w:ind w:left="720" w:hanging="720"/>
        <w:contextualSpacing/>
      </w:pPr>
      <w:r>
        <w:fldChar w:fldCharType="begin">
          <w:ffData>
            <w:name w:val="Check151"/>
            <w:enabled/>
            <w:calcOnExit w:val="0"/>
            <w:checkBox>
              <w:sizeAuto/>
              <w:default w:val="0"/>
            </w:checkBox>
          </w:ffData>
        </w:fldChar>
      </w:r>
      <w:bookmarkStart w:id="43" w:name="Check151"/>
      <w:r>
        <w:instrText xml:space="preserve"> FORMCHECKBOX </w:instrText>
      </w:r>
      <w:r w:rsidR="009740D3">
        <w:fldChar w:fldCharType="separate"/>
      </w:r>
      <w:r>
        <w:fldChar w:fldCharType="end"/>
      </w:r>
      <w:bookmarkEnd w:id="43"/>
      <w:r>
        <w:tab/>
      </w:r>
      <w:r w:rsidRPr="001D5DE2">
        <w:t>Volume and area of temporary and permanent fill material (such as rock slope        protection) to be placed below the</w:t>
      </w:r>
      <w:r w:rsidR="003E7AFA">
        <w:t xml:space="preserve"> ordinary high water mark (</w:t>
      </w:r>
      <w:r w:rsidRPr="001D5DE2">
        <w:t>OHWM</w:t>
      </w:r>
      <w:r w:rsidR="003E7AFA">
        <w:t>)</w:t>
      </w:r>
      <w:r w:rsidRPr="001D5DE2">
        <w:t>.</w:t>
      </w:r>
    </w:p>
    <w:p w14:paraId="24AEB648" w14:textId="5F44C3D4" w:rsidR="00F1555E" w:rsidRPr="001D5DE2" w:rsidRDefault="002426FC" w:rsidP="002426FC">
      <w:pPr>
        <w:pStyle w:val="Normalbullettext"/>
      </w:pPr>
      <w:r w:rsidRPr="002426FC">
        <w:lastRenderedPageBreak/>
        <w:t xml:space="preserve">Total volume of fill for the project; including both above and below </w:t>
      </w:r>
      <w:proofErr w:type="gramStart"/>
      <w:r w:rsidRPr="002426FC">
        <w:t>OHWM, or</w:t>
      </w:r>
      <w:proofErr w:type="gramEnd"/>
      <w:r w:rsidRPr="002426FC">
        <w:t xml:space="preserve"> mean low or high tide in tidal/marsh areas.</w:t>
      </w:r>
    </w:p>
    <w:p w14:paraId="6D2B1771" w14:textId="3231FE98" w:rsidR="00566C3B" w:rsidRPr="00E1160E" w:rsidRDefault="00566C3B" w:rsidP="00733B70">
      <w:pPr>
        <w:pStyle w:val="Heading3"/>
      </w:pPr>
      <w:r w:rsidRPr="00E1160E">
        <w:t>P</w:t>
      </w:r>
      <w:r w:rsidR="00F1555E" w:rsidRPr="00E1160E">
        <w:t xml:space="preserve">ost-construction </w:t>
      </w:r>
      <w:r w:rsidRPr="00E1160E">
        <w:t>Maintenance</w:t>
      </w:r>
      <w:r w:rsidR="00F1555E" w:rsidRPr="00E1160E">
        <w:t xml:space="preserve"> and Mitigation Monitoring</w:t>
      </w:r>
    </w:p>
    <w:p w14:paraId="292F33C7" w14:textId="77777777" w:rsidR="00012EF0" w:rsidRDefault="00012EF0" w:rsidP="002B23E5">
      <w:pPr>
        <w:ind w:left="720" w:hanging="720"/>
        <w:contextualSpacing/>
      </w:pPr>
      <w:r>
        <w:fldChar w:fldCharType="begin">
          <w:ffData>
            <w:name w:val="Check69"/>
            <w:enabled/>
            <w:calcOnExit w:val="0"/>
            <w:checkBox>
              <w:sizeAuto/>
              <w:default w:val="0"/>
            </w:checkBox>
          </w:ffData>
        </w:fldChar>
      </w:r>
      <w:bookmarkStart w:id="44" w:name="Check69"/>
      <w:r>
        <w:instrText xml:space="preserve"> FORMCHECKBOX </w:instrText>
      </w:r>
      <w:r w:rsidR="009740D3">
        <w:fldChar w:fldCharType="separate"/>
      </w:r>
      <w:r>
        <w:fldChar w:fldCharType="end"/>
      </w:r>
      <w:bookmarkEnd w:id="44"/>
      <w:r w:rsidR="002B23E5">
        <w:tab/>
      </w:r>
      <w:r>
        <w:t>Description of the completed project’s operation.</w:t>
      </w:r>
    </w:p>
    <w:p w14:paraId="12E21829" w14:textId="71FB417C" w:rsidR="00012EF0" w:rsidRPr="00F1555E" w:rsidRDefault="00012EF0" w:rsidP="002B23E5">
      <w:pPr>
        <w:ind w:left="720" w:hanging="720"/>
        <w:contextualSpacing/>
      </w:pPr>
      <w:r>
        <w:fldChar w:fldCharType="begin">
          <w:ffData>
            <w:name w:val="Check70"/>
            <w:enabled/>
            <w:calcOnExit w:val="0"/>
            <w:checkBox>
              <w:sizeAuto/>
              <w:default w:val="0"/>
            </w:checkBox>
          </w:ffData>
        </w:fldChar>
      </w:r>
      <w:bookmarkStart w:id="45" w:name="Check70"/>
      <w:r>
        <w:instrText xml:space="preserve"> FORMCHECKBOX </w:instrText>
      </w:r>
      <w:r w:rsidR="009740D3">
        <w:fldChar w:fldCharType="separate"/>
      </w:r>
      <w:r>
        <w:fldChar w:fldCharType="end"/>
      </w:r>
      <w:bookmarkEnd w:id="45"/>
      <w:r w:rsidR="002B23E5">
        <w:tab/>
      </w:r>
      <w:r w:rsidRPr="00F1555E">
        <w:t>Describe how the facility will be maintained</w:t>
      </w:r>
      <w:r w:rsidR="00F1555E" w:rsidRPr="00F1555E">
        <w:t xml:space="preserve">, as well as maintenance of restored areas:  (e.g. type of equipment to be used during maintenance activity and frequency of activity (annual, quarterly, monthly work </w:t>
      </w:r>
      <w:r w:rsidR="003E7AFA" w:rsidRPr="00F1555E">
        <w:t>etc.</w:t>
      </w:r>
      <w:r w:rsidR="00F1555E" w:rsidRPr="00F1555E">
        <w:t>)).</w:t>
      </w:r>
    </w:p>
    <w:p w14:paraId="06C59F96" w14:textId="77777777" w:rsidR="00566C3B" w:rsidRPr="00E1160E" w:rsidRDefault="00566C3B" w:rsidP="00733B70">
      <w:pPr>
        <w:pStyle w:val="Heading3"/>
      </w:pPr>
      <w:r w:rsidRPr="00E1160E">
        <w:t>Construction Sequencing and Schedule</w:t>
      </w:r>
    </w:p>
    <w:p w14:paraId="6687E3EE" w14:textId="77777777" w:rsidR="00012EF0" w:rsidRDefault="00012EF0" w:rsidP="002B23E5">
      <w:pPr>
        <w:ind w:left="720" w:hanging="720"/>
        <w:contextualSpacing/>
      </w:pPr>
      <w:r>
        <w:fldChar w:fldCharType="begin">
          <w:ffData>
            <w:name w:val="Check71"/>
            <w:enabled/>
            <w:calcOnExit w:val="0"/>
            <w:checkBox>
              <w:sizeAuto/>
              <w:default w:val="0"/>
            </w:checkBox>
          </w:ffData>
        </w:fldChar>
      </w:r>
      <w:bookmarkStart w:id="46" w:name="Check71"/>
      <w:r>
        <w:instrText xml:space="preserve"> FORMCHECKBOX </w:instrText>
      </w:r>
      <w:r w:rsidR="009740D3">
        <w:fldChar w:fldCharType="separate"/>
      </w:r>
      <w:r>
        <w:fldChar w:fldCharType="end"/>
      </w:r>
      <w:bookmarkEnd w:id="46"/>
      <w:r w:rsidR="002B23E5">
        <w:tab/>
      </w:r>
      <w:r>
        <w:t>Start and end dates, duration, and sequencing of construction.</w:t>
      </w:r>
    </w:p>
    <w:p w14:paraId="06400246" w14:textId="77777777" w:rsidR="00012EF0" w:rsidRDefault="00012EF0" w:rsidP="002B23E5">
      <w:pPr>
        <w:ind w:left="720" w:hanging="720"/>
        <w:contextualSpacing/>
      </w:pPr>
      <w:r>
        <w:fldChar w:fldCharType="begin">
          <w:ffData>
            <w:name w:val="Check72"/>
            <w:enabled/>
            <w:calcOnExit w:val="0"/>
            <w:checkBox>
              <w:sizeAuto/>
              <w:default w:val="0"/>
            </w:checkBox>
          </w:ffData>
        </w:fldChar>
      </w:r>
      <w:bookmarkStart w:id="47" w:name="Check72"/>
      <w:r>
        <w:instrText xml:space="preserve"> FORMCHECKBOX </w:instrText>
      </w:r>
      <w:r w:rsidR="009740D3">
        <w:fldChar w:fldCharType="separate"/>
      </w:r>
      <w:r>
        <w:fldChar w:fldCharType="end"/>
      </w:r>
      <w:bookmarkEnd w:id="47"/>
      <w:r w:rsidR="002B23E5">
        <w:tab/>
      </w:r>
      <w:r>
        <w:t>Number of days of construction.</w:t>
      </w:r>
    </w:p>
    <w:p w14:paraId="60A3DE9E" w14:textId="77777777" w:rsidR="00012EF0" w:rsidRDefault="00012EF0" w:rsidP="002B23E5">
      <w:pPr>
        <w:ind w:left="720" w:hanging="720"/>
        <w:contextualSpacing/>
      </w:pPr>
      <w:r>
        <w:fldChar w:fldCharType="begin">
          <w:ffData>
            <w:name w:val="Check73"/>
            <w:enabled/>
            <w:calcOnExit w:val="0"/>
            <w:checkBox>
              <w:sizeAuto/>
              <w:default w:val="0"/>
            </w:checkBox>
          </w:ffData>
        </w:fldChar>
      </w:r>
      <w:bookmarkStart w:id="48" w:name="Check73"/>
      <w:r>
        <w:instrText xml:space="preserve"> FORMCHECKBOX </w:instrText>
      </w:r>
      <w:r w:rsidR="009740D3">
        <w:fldChar w:fldCharType="separate"/>
      </w:r>
      <w:r>
        <w:fldChar w:fldCharType="end"/>
      </w:r>
      <w:bookmarkEnd w:id="48"/>
      <w:r w:rsidR="002B23E5">
        <w:tab/>
      </w:r>
      <w:r>
        <w:t>Number of construction seasons to complete the project.</w:t>
      </w:r>
    </w:p>
    <w:p w14:paraId="09A02D2B" w14:textId="3F4D7000" w:rsidR="00012EF0" w:rsidRDefault="00012EF0" w:rsidP="002B23E5">
      <w:pPr>
        <w:ind w:left="720" w:hanging="720"/>
        <w:contextualSpacing/>
      </w:pPr>
      <w:r>
        <w:fldChar w:fldCharType="begin">
          <w:ffData>
            <w:name w:val="Check74"/>
            <w:enabled/>
            <w:calcOnExit w:val="0"/>
            <w:checkBox>
              <w:sizeAuto/>
              <w:default w:val="0"/>
            </w:checkBox>
          </w:ffData>
        </w:fldChar>
      </w:r>
      <w:bookmarkStart w:id="49" w:name="Check74"/>
      <w:r>
        <w:instrText xml:space="preserve"> FORMCHECKBOX </w:instrText>
      </w:r>
      <w:r w:rsidR="009740D3">
        <w:fldChar w:fldCharType="separate"/>
      </w:r>
      <w:r>
        <w:fldChar w:fldCharType="end"/>
      </w:r>
      <w:bookmarkEnd w:id="49"/>
      <w:r w:rsidR="002B23E5">
        <w:tab/>
      </w:r>
      <w:r w:rsidR="00F1555E">
        <w:t>C</w:t>
      </w:r>
      <w:r>
        <w:t xml:space="preserve">onstruction </w:t>
      </w:r>
      <w:r w:rsidR="00F1555E">
        <w:t xml:space="preserve">work </w:t>
      </w:r>
      <w:r>
        <w:t>windows</w:t>
      </w:r>
      <w:r w:rsidR="00F1555E">
        <w:t xml:space="preserve"> specific to listed species.</w:t>
      </w:r>
    </w:p>
    <w:p w14:paraId="60F16EF6" w14:textId="77777777" w:rsidR="00012EF0" w:rsidRPr="00012EF0" w:rsidRDefault="00012EF0" w:rsidP="002B23E5">
      <w:pPr>
        <w:ind w:left="720" w:hanging="720"/>
        <w:contextualSpacing/>
      </w:pPr>
      <w:r>
        <w:fldChar w:fldCharType="begin">
          <w:ffData>
            <w:name w:val="Check75"/>
            <w:enabled/>
            <w:calcOnExit w:val="0"/>
            <w:checkBox>
              <w:sizeAuto/>
              <w:default w:val="0"/>
            </w:checkBox>
          </w:ffData>
        </w:fldChar>
      </w:r>
      <w:bookmarkStart w:id="50" w:name="Check75"/>
      <w:r>
        <w:instrText xml:space="preserve"> FORMCHECKBOX </w:instrText>
      </w:r>
      <w:r w:rsidR="009740D3">
        <w:fldChar w:fldCharType="separate"/>
      </w:r>
      <w:r>
        <w:fldChar w:fldCharType="end"/>
      </w:r>
      <w:bookmarkEnd w:id="50"/>
      <w:r w:rsidR="002B23E5">
        <w:tab/>
      </w:r>
      <w:r>
        <w:t>Describe whether construction will take place during the day, night, or both.</w:t>
      </w:r>
    </w:p>
    <w:p w14:paraId="4BA07597" w14:textId="752FBF7E" w:rsidR="00C14425" w:rsidRPr="00E1160E" w:rsidRDefault="00F1555E" w:rsidP="00733B70">
      <w:pPr>
        <w:pStyle w:val="Heading3"/>
      </w:pPr>
      <w:r w:rsidRPr="00E1160E">
        <w:t>Proposed Avoidance, Minimization, Mitigation, BMPs, and Conservation Measures</w:t>
      </w:r>
    </w:p>
    <w:p w14:paraId="65CBF121" w14:textId="77777777" w:rsidR="00C14425" w:rsidRPr="002426FC" w:rsidRDefault="00C14425" w:rsidP="002B23E5">
      <w:pPr>
        <w:ind w:left="720" w:hanging="720"/>
        <w:contextualSpacing/>
      </w:pPr>
      <w:r w:rsidRPr="002426FC">
        <w:fldChar w:fldCharType="begin">
          <w:ffData>
            <w:name w:val="Check105"/>
            <w:enabled/>
            <w:calcOnExit w:val="0"/>
            <w:checkBox>
              <w:sizeAuto/>
              <w:default w:val="0"/>
            </w:checkBox>
          </w:ffData>
        </w:fldChar>
      </w:r>
      <w:bookmarkStart w:id="51" w:name="Check105"/>
      <w:r w:rsidRPr="002426FC">
        <w:instrText xml:space="preserve"> FORMCHECKBOX </w:instrText>
      </w:r>
      <w:r w:rsidR="009740D3">
        <w:fldChar w:fldCharType="separate"/>
      </w:r>
      <w:r w:rsidRPr="002426FC">
        <w:fldChar w:fldCharType="end"/>
      </w:r>
      <w:bookmarkEnd w:id="51"/>
      <w:r w:rsidR="002B23E5" w:rsidRPr="002426FC">
        <w:tab/>
      </w:r>
      <w:r w:rsidRPr="002426FC">
        <w:t>Species and habitat avoidance, minimization, mitigation, and conservation measures are thoroughly described in this section of the BA, even if summarized in other sections.</w:t>
      </w:r>
    </w:p>
    <w:p w14:paraId="5BEE5F92" w14:textId="2352A626" w:rsidR="00C14425" w:rsidRDefault="00C14425" w:rsidP="002B23E5">
      <w:pPr>
        <w:ind w:left="720" w:hanging="720"/>
        <w:contextualSpacing/>
      </w:pPr>
      <w:r w:rsidRPr="002426FC">
        <w:fldChar w:fldCharType="begin">
          <w:ffData>
            <w:name w:val="Check106"/>
            <w:enabled/>
            <w:calcOnExit w:val="0"/>
            <w:checkBox>
              <w:sizeAuto/>
              <w:default w:val="0"/>
            </w:checkBox>
          </w:ffData>
        </w:fldChar>
      </w:r>
      <w:bookmarkStart w:id="52" w:name="Check106"/>
      <w:r w:rsidRPr="002426FC">
        <w:instrText xml:space="preserve"> FORMCHECKBOX </w:instrText>
      </w:r>
      <w:r w:rsidR="009740D3">
        <w:fldChar w:fldCharType="separate"/>
      </w:r>
      <w:r w:rsidRPr="002426FC">
        <w:fldChar w:fldCharType="end"/>
      </w:r>
      <w:bookmarkEnd w:id="52"/>
      <w:r w:rsidR="002B23E5" w:rsidRPr="002426FC">
        <w:tab/>
      </w:r>
      <w:r w:rsidRPr="002426FC">
        <w:t>Description of proposed avoidance, minimization, mitigation, and conservation actions:</w:t>
      </w:r>
    </w:p>
    <w:p w14:paraId="7031C02D" w14:textId="13D9D7E5" w:rsidR="00AC76AD" w:rsidRDefault="00AC76AD" w:rsidP="00AC76AD">
      <w:pPr>
        <w:pStyle w:val="Normalbullettext"/>
      </w:pPr>
      <w:r>
        <w:t>Species and/or habitat work windows</w:t>
      </w:r>
    </w:p>
    <w:p w14:paraId="3FA67A0E" w14:textId="035F511C" w:rsidR="00AC76AD" w:rsidRDefault="00AC76AD" w:rsidP="00AC76AD">
      <w:pPr>
        <w:pStyle w:val="Normalbullettext"/>
      </w:pPr>
      <w:r>
        <w:t>Onsite mitigation</w:t>
      </w:r>
    </w:p>
    <w:p w14:paraId="70A540BA" w14:textId="273C3972" w:rsidR="00AC76AD" w:rsidRDefault="00AC76AD" w:rsidP="00AC76AD">
      <w:pPr>
        <w:pStyle w:val="Normalbullettext"/>
      </w:pPr>
      <w:r>
        <w:t>Offsite mitigation</w:t>
      </w:r>
    </w:p>
    <w:p w14:paraId="0EB11104" w14:textId="06087B5A" w:rsidR="00AC76AD" w:rsidRDefault="00AC76AD" w:rsidP="00AC76AD">
      <w:pPr>
        <w:pStyle w:val="Normalbullettext"/>
      </w:pPr>
      <w:r>
        <w:t>Mitigation maps, restoration plans, information on long-term management, and how lands will be conserved (conservation easement / deed restriction)</w:t>
      </w:r>
    </w:p>
    <w:p w14:paraId="39E67A3B" w14:textId="0C4A996D" w:rsidR="00AC76AD" w:rsidRDefault="00AC76AD" w:rsidP="00AC76AD">
      <w:pPr>
        <w:pStyle w:val="Normalbullettext"/>
      </w:pPr>
      <w:r>
        <w:t>Best Management Practices (BMPs) (e.g. Construction, maintenance, or stormwater BMPs, see Statewide Storm Water Management Plan, etc.)</w:t>
      </w:r>
    </w:p>
    <w:p w14:paraId="59EBF09D" w14:textId="4337D8CD" w:rsidR="00AC76AD" w:rsidRDefault="00AC76AD" w:rsidP="00AC76AD">
      <w:pPr>
        <w:pStyle w:val="Normalbullettext"/>
      </w:pPr>
      <w:r>
        <w:t>Conservation Bank credits purchase locations and ratios</w:t>
      </w:r>
    </w:p>
    <w:p w14:paraId="34BCD54D" w14:textId="19F51BBB" w:rsidR="00AC76AD" w:rsidRPr="002426FC" w:rsidRDefault="00AC76AD" w:rsidP="00AC76AD">
      <w:pPr>
        <w:pStyle w:val="Normalbullettext"/>
      </w:pPr>
      <w:r>
        <w:t>Monitoring and reporting requirements</w:t>
      </w:r>
    </w:p>
    <w:p w14:paraId="75453C8B" w14:textId="796FF359" w:rsidR="00C14425" w:rsidRPr="002426FC" w:rsidRDefault="00C14425" w:rsidP="002B23E5">
      <w:pPr>
        <w:ind w:left="630" w:hanging="630"/>
        <w:contextualSpacing/>
      </w:pPr>
      <w:r w:rsidRPr="002426FC">
        <w:fldChar w:fldCharType="begin">
          <w:ffData>
            <w:name w:val="Check107"/>
            <w:enabled/>
            <w:calcOnExit w:val="0"/>
            <w:checkBox>
              <w:sizeAuto/>
              <w:default w:val="0"/>
            </w:checkBox>
          </w:ffData>
        </w:fldChar>
      </w:r>
      <w:bookmarkStart w:id="53" w:name="Check107"/>
      <w:r w:rsidRPr="002426FC">
        <w:instrText xml:space="preserve"> FORMCHECKBOX </w:instrText>
      </w:r>
      <w:r w:rsidR="009740D3">
        <w:fldChar w:fldCharType="separate"/>
      </w:r>
      <w:r w:rsidRPr="002426FC">
        <w:fldChar w:fldCharType="end"/>
      </w:r>
      <w:bookmarkEnd w:id="53"/>
      <w:r w:rsidR="002B23E5" w:rsidRPr="002426FC">
        <w:tab/>
      </w:r>
      <w:r w:rsidRPr="002426FC">
        <w:t xml:space="preserve">Description of specific species, life stages, </w:t>
      </w:r>
      <w:r w:rsidR="002426FC">
        <w:t xml:space="preserve">and </w:t>
      </w:r>
      <w:r w:rsidRPr="002426FC">
        <w:t>habitat</w:t>
      </w:r>
      <w:r w:rsidR="002426FC">
        <w:t xml:space="preserve"> values </w:t>
      </w:r>
      <w:r w:rsidRPr="002426FC">
        <w:t>that will be addressed with proposed conservation measures.</w:t>
      </w:r>
    </w:p>
    <w:p w14:paraId="1FBCC457" w14:textId="58109746" w:rsidR="002426FC" w:rsidRPr="002426FC" w:rsidRDefault="002426FC" w:rsidP="002B23E5">
      <w:pPr>
        <w:ind w:left="630" w:hanging="630"/>
        <w:contextualSpacing/>
      </w:pPr>
      <w:r>
        <w:fldChar w:fldCharType="begin">
          <w:ffData>
            <w:name w:val="Check152"/>
            <w:enabled/>
            <w:calcOnExit w:val="0"/>
            <w:checkBox>
              <w:sizeAuto/>
              <w:default w:val="0"/>
            </w:checkBox>
          </w:ffData>
        </w:fldChar>
      </w:r>
      <w:bookmarkStart w:id="54" w:name="Check152"/>
      <w:r>
        <w:instrText xml:space="preserve"> FORMCHECKBOX </w:instrText>
      </w:r>
      <w:r w:rsidR="009740D3">
        <w:fldChar w:fldCharType="separate"/>
      </w:r>
      <w:r>
        <w:fldChar w:fldCharType="end"/>
      </w:r>
      <w:bookmarkEnd w:id="54"/>
      <w:r>
        <w:tab/>
      </w:r>
      <w:r w:rsidRPr="002426FC">
        <w:t>Timing and duration of proposed conservation measures.</w:t>
      </w:r>
    </w:p>
    <w:p w14:paraId="6E7B1CD4" w14:textId="44B93633" w:rsidR="00C14425" w:rsidRPr="002426FC" w:rsidRDefault="00C14425" w:rsidP="002B23E5">
      <w:pPr>
        <w:ind w:left="630" w:hanging="630"/>
        <w:contextualSpacing/>
      </w:pPr>
      <w:r w:rsidRPr="002426FC">
        <w:fldChar w:fldCharType="begin">
          <w:ffData>
            <w:name w:val="Check112"/>
            <w:enabled/>
            <w:calcOnExit w:val="0"/>
            <w:checkBox>
              <w:sizeAuto/>
              <w:default w:val="0"/>
            </w:checkBox>
          </w:ffData>
        </w:fldChar>
      </w:r>
      <w:bookmarkStart w:id="55" w:name="Check112"/>
      <w:r w:rsidRPr="002426FC">
        <w:instrText xml:space="preserve"> FORMCHECKBOX </w:instrText>
      </w:r>
      <w:r w:rsidR="009740D3">
        <w:fldChar w:fldCharType="separate"/>
      </w:r>
      <w:r w:rsidRPr="002426FC">
        <w:fldChar w:fldCharType="end"/>
      </w:r>
      <w:bookmarkEnd w:id="55"/>
      <w:r w:rsidR="002B23E5" w:rsidRPr="002426FC">
        <w:tab/>
      </w:r>
      <w:r w:rsidRPr="002426FC">
        <w:t>Operation and maintenance of proposed avoidance, minimization, mitigation, and conservation actions.</w:t>
      </w:r>
    </w:p>
    <w:p w14:paraId="040DD0B4" w14:textId="77777777" w:rsidR="00012EF0" w:rsidRPr="002426FC" w:rsidRDefault="00C14425" w:rsidP="002B23E5">
      <w:pPr>
        <w:ind w:left="630" w:hanging="630"/>
        <w:contextualSpacing/>
      </w:pPr>
      <w:r w:rsidRPr="002426FC">
        <w:fldChar w:fldCharType="begin">
          <w:ffData>
            <w:name w:val="Check114"/>
            <w:enabled/>
            <w:calcOnExit w:val="0"/>
            <w:checkBox>
              <w:sizeAuto/>
              <w:default w:val="0"/>
            </w:checkBox>
          </w:ffData>
        </w:fldChar>
      </w:r>
      <w:bookmarkStart w:id="56" w:name="Check114"/>
      <w:r w:rsidRPr="002426FC">
        <w:instrText xml:space="preserve"> FORMCHECKBOX </w:instrText>
      </w:r>
      <w:r w:rsidR="009740D3">
        <w:fldChar w:fldCharType="separate"/>
      </w:r>
      <w:r w:rsidRPr="002426FC">
        <w:fldChar w:fldCharType="end"/>
      </w:r>
      <w:bookmarkEnd w:id="56"/>
      <w:r w:rsidR="002B23E5" w:rsidRPr="002426FC">
        <w:tab/>
      </w:r>
      <w:r w:rsidRPr="002426FC">
        <w:t>Success criteria for proposed measures.</w:t>
      </w:r>
    </w:p>
    <w:p w14:paraId="210C3B38" w14:textId="77777777" w:rsidR="00566C3B" w:rsidRPr="00E1160E" w:rsidRDefault="00566C3B" w:rsidP="00733B70">
      <w:pPr>
        <w:pStyle w:val="Heading3"/>
        <w:keepNext/>
      </w:pPr>
      <w:r w:rsidRPr="00E1160E">
        <w:lastRenderedPageBreak/>
        <w:t>Interrelated and Interdependent Actions</w:t>
      </w:r>
    </w:p>
    <w:p w14:paraId="6D48A52A" w14:textId="6246B2FC" w:rsidR="00C14425" w:rsidRDefault="00C14425" w:rsidP="002B23E5">
      <w:pPr>
        <w:ind w:left="720" w:hanging="720"/>
      </w:pPr>
      <w:r>
        <w:fldChar w:fldCharType="begin">
          <w:ffData>
            <w:name w:val="Check115"/>
            <w:enabled/>
            <w:calcOnExit w:val="0"/>
            <w:checkBox>
              <w:sizeAuto/>
              <w:default w:val="0"/>
            </w:checkBox>
          </w:ffData>
        </w:fldChar>
      </w:r>
      <w:bookmarkStart w:id="57" w:name="Check115"/>
      <w:r>
        <w:instrText xml:space="preserve"> FORMCHECKBOX </w:instrText>
      </w:r>
      <w:r w:rsidR="009740D3">
        <w:fldChar w:fldCharType="separate"/>
      </w:r>
      <w:r>
        <w:fldChar w:fldCharType="end"/>
      </w:r>
      <w:bookmarkEnd w:id="57"/>
      <w:r w:rsidR="002B23E5">
        <w:tab/>
      </w:r>
      <w:r>
        <w:t xml:space="preserve">Description of interrelated and interdependent actions that may affect </w:t>
      </w:r>
      <w:r w:rsidR="002426FC">
        <w:t>f</w:t>
      </w:r>
      <w:r>
        <w:t xml:space="preserve">ederally listed </w:t>
      </w:r>
      <w:r w:rsidR="00CA4DBF">
        <w:t>species and their</w:t>
      </w:r>
      <w:r>
        <w:t xml:space="preserve"> designated critical habitat:</w:t>
      </w:r>
    </w:p>
    <w:p w14:paraId="16F52396" w14:textId="77777777" w:rsidR="00C14425" w:rsidRDefault="00C14425" w:rsidP="002B23E5">
      <w:pPr>
        <w:pStyle w:val="Normalbullettext"/>
      </w:pPr>
      <w:r>
        <w:t>Interrelated actions are those that are part of a larger action and depend upon the larger action for their justification.</w:t>
      </w:r>
    </w:p>
    <w:p w14:paraId="5562F78D" w14:textId="77777777" w:rsidR="00C14425" w:rsidRDefault="00C14425" w:rsidP="002B23E5">
      <w:pPr>
        <w:pStyle w:val="Normalbullettext"/>
      </w:pPr>
      <w:r>
        <w:t>Interdependent actions have no independent utility apart from the action under consideration.</w:t>
      </w:r>
    </w:p>
    <w:p w14:paraId="50BFAFB1" w14:textId="6948EC83" w:rsidR="00C14425" w:rsidRPr="004F6F6D" w:rsidRDefault="00C14425" w:rsidP="002B23E5">
      <w:pPr>
        <w:pStyle w:val="Normalbullettext"/>
      </w:pPr>
      <w:r>
        <w:t xml:space="preserve">For detailed definition of interrelated and interdependent actions please refer to </w:t>
      </w:r>
      <w:r w:rsidR="006F08E3">
        <w:t>the</w:t>
      </w:r>
      <w:r w:rsidR="009477BE">
        <w:t xml:space="preserve"> </w:t>
      </w:r>
      <w:hyperlink r:id="rId13" w:tooltip="Section 7 Endangered Species Act Handbook" w:history="1">
        <w:r w:rsidR="009477BE">
          <w:rPr>
            <w:rStyle w:val="Hyperlink"/>
          </w:rPr>
          <w:t>Endangered Species Consultation Handbook:  Procedures for Conducting Consultation and Conference Activities Under Section 7 of the Endangered Species Act</w:t>
        </w:r>
      </w:hyperlink>
      <w:r w:rsidR="009477BE">
        <w:t>.</w:t>
      </w:r>
    </w:p>
    <w:p w14:paraId="64C4007A" w14:textId="77777777" w:rsidR="00566C3B" w:rsidRPr="00E1160E" w:rsidRDefault="00566C3B" w:rsidP="00733B70">
      <w:pPr>
        <w:pStyle w:val="Heading3"/>
      </w:pPr>
      <w:r w:rsidRPr="00E1160E">
        <w:t>Action Area</w:t>
      </w:r>
    </w:p>
    <w:p w14:paraId="4E5326BB" w14:textId="54A1E819" w:rsidR="00012EF0" w:rsidRDefault="00012EF0" w:rsidP="002B23E5">
      <w:pPr>
        <w:ind w:left="720" w:hanging="720"/>
        <w:contextualSpacing/>
      </w:pPr>
      <w:r>
        <w:fldChar w:fldCharType="begin">
          <w:ffData>
            <w:name w:val="Check76"/>
            <w:enabled/>
            <w:calcOnExit w:val="0"/>
            <w:checkBox>
              <w:sizeAuto/>
              <w:default w:val="0"/>
            </w:checkBox>
          </w:ffData>
        </w:fldChar>
      </w:r>
      <w:bookmarkStart w:id="58" w:name="Check76"/>
      <w:r>
        <w:instrText xml:space="preserve"> FORMCHECKBOX </w:instrText>
      </w:r>
      <w:r w:rsidR="009740D3">
        <w:fldChar w:fldCharType="separate"/>
      </w:r>
      <w:r>
        <w:fldChar w:fldCharType="end"/>
      </w:r>
      <w:bookmarkEnd w:id="58"/>
      <w:r w:rsidR="002B23E5">
        <w:tab/>
      </w:r>
      <w:r>
        <w:t>A description of the specific area that may be affected by the action</w:t>
      </w:r>
      <w:r w:rsidR="00CA4DBF">
        <w:t xml:space="preserve"> including all areas to be affected directly or indirectly by the action (i.e. geographical extent of physical, chemical or biotic effects)</w:t>
      </w:r>
      <w:r>
        <w:t>.</w:t>
      </w:r>
    </w:p>
    <w:p w14:paraId="45B0DF65" w14:textId="0F45A797" w:rsidR="00012EF0" w:rsidRPr="00012EF0" w:rsidRDefault="00012EF0" w:rsidP="00CA4DBF">
      <w:pPr>
        <w:ind w:left="720" w:hanging="720"/>
        <w:contextualSpacing/>
      </w:pPr>
      <w:r>
        <w:fldChar w:fldCharType="begin">
          <w:ffData>
            <w:name w:val="Check77"/>
            <w:enabled/>
            <w:calcOnExit w:val="0"/>
            <w:checkBox>
              <w:sizeAuto/>
              <w:default w:val="0"/>
            </w:checkBox>
          </w:ffData>
        </w:fldChar>
      </w:r>
      <w:bookmarkStart w:id="59" w:name="Check77"/>
      <w:r>
        <w:instrText xml:space="preserve"> FORMCHECKBOX </w:instrText>
      </w:r>
      <w:r w:rsidR="009740D3">
        <w:fldChar w:fldCharType="separate"/>
      </w:r>
      <w:r>
        <w:fldChar w:fldCharType="end"/>
      </w:r>
      <w:bookmarkEnd w:id="59"/>
      <w:r w:rsidR="002B23E5">
        <w:tab/>
      </w:r>
      <w:r>
        <w:t>Map of action area (if different than the project area).</w:t>
      </w:r>
      <w:r w:rsidR="00CA4DBF">
        <w:t xml:space="preserve">  This is not necessarily the same as the immediate area involved in the action or the project footprint.  The ESA regulatory description of a project’s action area is described </w:t>
      </w:r>
      <w:r w:rsidR="00CA4DBF" w:rsidRPr="001D5DE2">
        <w:t xml:space="preserve">in 50 CFR </w:t>
      </w:r>
      <w:r w:rsidR="001D5DE2" w:rsidRPr="001D5DE2">
        <w:t>§</w:t>
      </w:r>
      <w:r w:rsidR="00CA4DBF" w:rsidRPr="001D5DE2">
        <w:t>402.02.</w:t>
      </w:r>
    </w:p>
    <w:p w14:paraId="2D770AC5" w14:textId="7E3BA5E8" w:rsidR="007215AA" w:rsidRDefault="007215AA" w:rsidP="002B23E5">
      <w:pPr>
        <w:pStyle w:val="Heading2"/>
      </w:pPr>
      <w:r>
        <w:t xml:space="preserve"> </w:t>
      </w:r>
      <w:r w:rsidR="00566C3B">
        <w:t>Environmental Baseline</w:t>
      </w:r>
    </w:p>
    <w:p w14:paraId="248E22E9" w14:textId="26DCD442" w:rsidR="002E7BAB" w:rsidRDefault="002E7BAB" w:rsidP="00F1555E">
      <w:pPr>
        <w:contextualSpacing/>
      </w:pPr>
      <w:r>
        <w:fldChar w:fldCharType="begin">
          <w:ffData>
            <w:name w:val="Check124"/>
            <w:enabled/>
            <w:calcOnExit w:val="0"/>
            <w:checkBox>
              <w:sizeAuto/>
              <w:default w:val="0"/>
            </w:checkBox>
          </w:ffData>
        </w:fldChar>
      </w:r>
      <w:bookmarkStart w:id="60" w:name="Check124"/>
      <w:r>
        <w:instrText xml:space="preserve"> FORMCHECKBOX </w:instrText>
      </w:r>
      <w:r w:rsidR="009740D3">
        <w:fldChar w:fldCharType="separate"/>
      </w:r>
      <w:r>
        <w:fldChar w:fldCharType="end"/>
      </w:r>
      <w:bookmarkEnd w:id="60"/>
      <w:r w:rsidR="00F1555E">
        <w:tab/>
      </w:r>
      <w:r w:rsidR="00F1555E" w:rsidRPr="00F1555E">
        <w:t>Site conditions within the action area.</w:t>
      </w:r>
    </w:p>
    <w:p w14:paraId="5E14F886" w14:textId="26A808AF" w:rsidR="002E7BAB" w:rsidRDefault="002E7BAB" w:rsidP="00F1555E">
      <w:pPr>
        <w:ind w:left="720" w:hanging="720"/>
        <w:contextualSpacing/>
      </w:pPr>
      <w:r>
        <w:fldChar w:fldCharType="begin">
          <w:ffData>
            <w:name w:val="Check125"/>
            <w:enabled/>
            <w:calcOnExit w:val="0"/>
            <w:checkBox>
              <w:sizeAuto/>
              <w:default w:val="0"/>
            </w:checkBox>
          </w:ffData>
        </w:fldChar>
      </w:r>
      <w:bookmarkStart w:id="61" w:name="Check125"/>
      <w:r>
        <w:instrText xml:space="preserve"> FORMCHECKBOX </w:instrText>
      </w:r>
      <w:r w:rsidR="009740D3">
        <w:fldChar w:fldCharType="separate"/>
      </w:r>
      <w:r>
        <w:fldChar w:fldCharType="end"/>
      </w:r>
      <w:bookmarkEnd w:id="61"/>
      <w:r w:rsidR="00F1555E">
        <w:tab/>
      </w:r>
      <w:r w:rsidR="00F1555E" w:rsidRPr="00F1555E">
        <w:t>General topography, habitat/vegetation types and acreages, aquatics, disturbances, related to species’ needs.</w:t>
      </w:r>
    </w:p>
    <w:p w14:paraId="1526945C" w14:textId="3572648C" w:rsidR="002E7BAB" w:rsidRDefault="002E7BAB" w:rsidP="00F1555E">
      <w:pPr>
        <w:ind w:left="720" w:hanging="720"/>
        <w:contextualSpacing/>
      </w:pPr>
      <w:r>
        <w:fldChar w:fldCharType="begin">
          <w:ffData>
            <w:name w:val="Check126"/>
            <w:enabled/>
            <w:calcOnExit w:val="0"/>
            <w:checkBox>
              <w:sizeAuto/>
              <w:default w:val="0"/>
            </w:checkBox>
          </w:ffData>
        </w:fldChar>
      </w:r>
      <w:bookmarkStart w:id="62" w:name="Check126"/>
      <w:r>
        <w:instrText xml:space="preserve"> FORMCHECKBOX </w:instrText>
      </w:r>
      <w:r w:rsidR="009740D3">
        <w:fldChar w:fldCharType="separate"/>
      </w:r>
      <w:r>
        <w:fldChar w:fldCharType="end"/>
      </w:r>
      <w:bookmarkEnd w:id="62"/>
      <w:r w:rsidR="00F1555E">
        <w:tab/>
      </w:r>
      <w:r w:rsidR="00F1555E" w:rsidRPr="00F1555E">
        <w:t xml:space="preserve">Include habitat </w:t>
      </w:r>
      <w:r w:rsidR="00B06A47">
        <w:t>and</w:t>
      </w:r>
      <w:r w:rsidR="00F1555E" w:rsidRPr="00F1555E">
        <w:t xml:space="preserve"> vegetation map at appropriate scale. Describe methods for mapping vegetation types and characterizing habitat.</w:t>
      </w:r>
    </w:p>
    <w:p w14:paraId="54FF25B1" w14:textId="2D348683" w:rsidR="002E7BAB" w:rsidRPr="002E7BAB" w:rsidRDefault="002E7BAB" w:rsidP="00F1555E">
      <w:pPr>
        <w:ind w:left="720" w:hanging="720"/>
        <w:contextualSpacing/>
      </w:pPr>
      <w:r>
        <w:fldChar w:fldCharType="begin">
          <w:ffData>
            <w:name w:val="Check127"/>
            <w:enabled/>
            <w:calcOnExit w:val="0"/>
            <w:checkBox>
              <w:sizeAuto/>
              <w:default w:val="0"/>
            </w:checkBox>
          </w:ffData>
        </w:fldChar>
      </w:r>
      <w:bookmarkStart w:id="63" w:name="Check127"/>
      <w:r>
        <w:instrText xml:space="preserve"> FORMCHECKBOX </w:instrText>
      </w:r>
      <w:r w:rsidR="009740D3">
        <w:fldChar w:fldCharType="separate"/>
      </w:r>
      <w:r>
        <w:fldChar w:fldCharType="end"/>
      </w:r>
      <w:bookmarkEnd w:id="63"/>
      <w:r w:rsidR="00F1555E">
        <w:tab/>
      </w:r>
      <w:r w:rsidR="00F1555E" w:rsidRPr="00F1555E">
        <w:t>Past and on-going actions (natural and man-induced) that have or are currently affecting the species.</w:t>
      </w:r>
    </w:p>
    <w:p w14:paraId="4AE502AE" w14:textId="50597F4C" w:rsidR="00566C3B" w:rsidRPr="00E1160E" w:rsidRDefault="00566C3B" w:rsidP="00733B70">
      <w:pPr>
        <w:pStyle w:val="Heading3"/>
      </w:pPr>
      <w:r w:rsidRPr="00E1160E">
        <w:t>Status of the Species</w:t>
      </w:r>
      <w:r w:rsidR="002E7BAB" w:rsidRPr="00E1160E">
        <w:t xml:space="preserve"> within the Action Area</w:t>
      </w:r>
    </w:p>
    <w:p w14:paraId="1CF177AC" w14:textId="2399EE7F" w:rsidR="00012EF0" w:rsidRDefault="00012EF0" w:rsidP="002B23E5">
      <w:pPr>
        <w:ind w:left="720" w:hanging="720"/>
        <w:contextualSpacing/>
      </w:pPr>
      <w:r>
        <w:fldChar w:fldCharType="begin">
          <w:ffData>
            <w:name w:val="Check80"/>
            <w:enabled/>
            <w:calcOnExit w:val="0"/>
            <w:checkBox>
              <w:sizeAuto/>
              <w:default w:val="0"/>
            </w:checkBox>
          </w:ffData>
        </w:fldChar>
      </w:r>
      <w:bookmarkStart w:id="64" w:name="Check80"/>
      <w:r>
        <w:instrText xml:space="preserve"> FORMCHECKBOX </w:instrText>
      </w:r>
      <w:r w:rsidR="009740D3">
        <w:fldChar w:fldCharType="separate"/>
      </w:r>
      <w:r>
        <w:fldChar w:fldCharType="end"/>
      </w:r>
      <w:bookmarkEnd w:id="64"/>
      <w:r w:rsidR="002B23E5">
        <w:tab/>
      </w:r>
      <w:r>
        <w:t xml:space="preserve">Identify the federally listed species </w:t>
      </w:r>
      <w:r w:rsidR="002E7BAB">
        <w:t xml:space="preserve"> and proposed species with the potential occ</w:t>
      </w:r>
      <w:r>
        <w:t>ur in the action area.</w:t>
      </w:r>
    </w:p>
    <w:p w14:paraId="635F33DC" w14:textId="50BF2DCA" w:rsidR="002E7BAB" w:rsidRDefault="002E7BAB" w:rsidP="002B23E5">
      <w:pPr>
        <w:ind w:left="720" w:hanging="720"/>
        <w:contextualSpacing/>
      </w:pPr>
      <w:r>
        <w:fldChar w:fldCharType="begin">
          <w:ffData>
            <w:name w:val="Check128"/>
            <w:enabled/>
            <w:calcOnExit w:val="0"/>
            <w:checkBox>
              <w:sizeAuto/>
              <w:default w:val="0"/>
            </w:checkBox>
          </w:ffData>
        </w:fldChar>
      </w:r>
      <w:bookmarkStart w:id="65" w:name="Check128"/>
      <w:r>
        <w:instrText xml:space="preserve"> FORMCHECKBOX </w:instrText>
      </w:r>
      <w:r w:rsidR="009740D3">
        <w:fldChar w:fldCharType="separate"/>
      </w:r>
      <w:r>
        <w:fldChar w:fldCharType="end"/>
      </w:r>
      <w:bookmarkEnd w:id="65"/>
      <w:r>
        <w:tab/>
      </w:r>
      <w:r w:rsidRPr="001D5DE2">
        <w:t>Describe the species covered in the BA</w:t>
      </w:r>
      <w:r w:rsidR="001D5DE2" w:rsidRPr="001D5DE2">
        <w:t>, habitat requirements, and its occurrence in the action area.</w:t>
      </w:r>
    </w:p>
    <w:p w14:paraId="5DB53E1A" w14:textId="192198AB" w:rsidR="001D5DE2" w:rsidRDefault="001D5DE2" w:rsidP="001D5DE2">
      <w:pPr>
        <w:pStyle w:val="Normalbullettext"/>
      </w:pPr>
      <w:r>
        <w:t xml:space="preserve">Description of how the </w:t>
      </w:r>
      <w:r w:rsidR="002426FC">
        <w:t>BA</w:t>
      </w:r>
      <w:r>
        <w:t xml:space="preserve"> used the best available scientific and commercial information regarding the status and trends of the species that are present in the </w:t>
      </w:r>
      <w:r w:rsidR="002426FC">
        <w:t>action area</w:t>
      </w:r>
      <w:r>
        <w:t xml:space="preserve">.  </w:t>
      </w:r>
    </w:p>
    <w:p w14:paraId="0D1C5266" w14:textId="1812452F" w:rsidR="001D5DE2" w:rsidRDefault="001D5DE2" w:rsidP="001D5DE2">
      <w:pPr>
        <w:pStyle w:val="Normalbullettext"/>
      </w:pPr>
      <w:r>
        <w:t xml:space="preserve">Include recent publications/journal articles/agency data and technical reports that were used and cited.  </w:t>
      </w:r>
    </w:p>
    <w:p w14:paraId="1291DC90" w14:textId="3EF61872" w:rsidR="001D5DE2" w:rsidRDefault="001D5DE2" w:rsidP="001D5DE2">
      <w:pPr>
        <w:pStyle w:val="Normalbullettext"/>
      </w:pPr>
      <w:r>
        <w:lastRenderedPageBreak/>
        <w:t xml:space="preserve">Include local information relative to the project vicinity, views of recognized experts, and results from recent studies on life history, population dynamics, trends and distribution.  </w:t>
      </w:r>
    </w:p>
    <w:p w14:paraId="00C73B0F" w14:textId="6C530670" w:rsidR="001D5DE2" w:rsidRDefault="001D5DE2" w:rsidP="001D5DE2">
      <w:pPr>
        <w:pStyle w:val="Normalbullettext"/>
      </w:pPr>
      <w:r>
        <w:t xml:space="preserve">Reference field notes, unpublished data, research in progress, etc.  </w:t>
      </w:r>
    </w:p>
    <w:p w14:paraId="514C711A" w14:textId="51F39EC3" w:rsidR="001D5DE2" w:rsidRDefault="001D5DE2" w:rsidP="001D5DE2">
      <w:pPr>
        <w:pStyle w:val="Normalbullettext"/>
      </w:pPr>
      <w:r>
        <w:t xml:space="preserve">Include population information within the </w:t>
      </w:r>
      <w:r w:rsidR="002426FC">
        <w:t>action area</w:t>
      </w:r>
      <w:r>
        <w:t>.</w:t>
      </w:r>
    </w:p>
    <w:p w14:paraId="7688D613" w14:textId="50777118" w:rsidR="00012EF0" w:rsidRDefault="00012EF0" w:rsidP="002B23E5">
      <w:pPr>
        <w:ind w:left="720" w:hanging="720"/>
        <w:contextualSpacing/>
      </w:pPr>
      <w:r>
        <w:fldChar w:fldCharType="begin">
          <w:ffData>
            <w:name w:val="Check81"/>
            <w:enabled/>
            <w:calcOnExit w:val="0"/>
            <w:checkBox>
              <w:sizeAuto/>
              <w:default w:val="0"/>
            </w:checkBox>
          </w:ffData>
        </w:fldChar>
      </w:r>
      <w:bookmarkStart w:id="66" w:name="Check81"/>
      <w:r>
        <w:instrText xml:space="preserve"> FORMCHECKBOX </w:instrText>
      </w:r>
      <w:r w:rsidR="009740D3">
        <w:fldChar w:fldCharType="separate"/>
      </w:r>
      <w:r>
        <w:fldChar w:fldCharType="end"/>
      </w:r>
      <w:bookmarkEnd w:id="66"/>
      <w:r w:rsidR="002B23E5">
        <w:tab/>
      </w:r>
      <w:r w:rsidR="002E7BAB">
        <w:t>Describe</w:t>
      </w:r>
      <w:r>
        <w:t xml:space="preserve"> details on the presence, timing, abundance, and site-specific biological requirements of </w:t>
      </w:r>
      <w:r w:rsidR="002E7BAB">
        <w:t>different</w:t>
      </w:r>
      <w:r>
        <w:t xml:space="preserve"> life stages that may be present in the action area.</w:t>
      </w:r>
    </w:p>
    <w:p w14:paraId="40702DBE" w14:textId="24F96B65" w:rsidR="002E7BAB" w:rsidRDefault="00012EF0" w:rsidP="002B23E5">
      <w:pPr>
        <w:ind w:left="720" w:hanging="720"/>
        <w:contextualSpacing/>
      </w:pPr>
      <w:r>
        <w:fldChar w:fldCharType="begin">
          <w:ffData>
            <w:name w:val="Check83"/>
            <w:enabled/>
            <w:calcOnExit w:val="0"/>
            <w:checkBox>
              <w:sizeAuto/>
              <w:default w:val="0"/>
            </w:checkBox>
          </w:ffData>
        </w:fldChar>
      </w:r>
      <w:bookmarkStart w:id="67" w:name="Check83"/>
      <w:r>
        <w:instrText xml:space="preserve"> FORMCHECKBOX </w:instrText>
      </w:r>
      <w:r w:rsidR="009740D3">
        <w:fldChar w:fldCharType="separate"/>
      </w:r>
      <w:r>
        <w:fldChar w:fldCharType="end"/>
      </w:r>
      <w:bookmarkEnd w:id="67"/>
      <w:r w:rsidR="002B23E5">
        <w:tab/>
      </w:r>
      <w:r w:rsidR="002E7BAB">
        <w:t>Describe survey methods…</w:t>
      </w:r>
    </w:p>
    <w:p w14:paraId="54BD6E1A" w14:textId="43BAF2F7" w:rsidR="00012EF0" w:rsidRDefault="002E7BAB" w:rsidP="002E7BAB">
      <w:pPr>
        <w:ind w:left="720" w:hanging="720"/>
        <w:contextualSpacing/>
      </w:pPr>
      <w:r>
        <w:fldChar w:fldCharType="begin">
          <w:ffData>
            <w:name w:val="Check129"/>
            <w:enabled/>
            <w:calcOnExit w:val="0"/>
            <w:checkBox>
              <w:sizeAuto/>
              <w:default w:val="0"/>
            </w:checkBox>
          </w:ffData>
        </w:fldChar>
      </w:r>
      <w:bookmarkStart w:id="68" w:name="Check129"/>
      <w:r>
        <w:instrText xml:space="preserve"> FORMCHECKBOX </w:instrText>
      </w:r>
      <w:r w:rsidR="009740D3">
        <w:fldChar w:fldCharType="separate"/>
      </w:r>
      <w:r>
        <w:fldChar w:fldCharType="end"/>
      </w:r>
      <w:bookmarkEnd w:id="68"/>
      <w:r>
        <w:tab/>
      </w:r>
      <w:r w:rsidR="00AF26AC" w:rsidRPr="00AF26AC">
        <w:t>Describe the species covered in the BA, habitat requirements, and its occurrence in the action area.</w:t>
      </w:r>
    </w:p>
    <w:p w14:paraId="26F6644A" w14:textId="31689AA3" w:rsidR="00AF26AC" w:rsidRDefault="00AF26AC" w:rsidP="00AF26AC">
      <w:pPr>
        <w:pStyle w:val="Normalbullettext"/>
      </w:pPr>
      <w:r>
        <w:t xml:space="preserve">Description of how the </w:t>
      </w:r>
      <w:r w:rsidR="002426FC">
        <w:t>BA</w:t>
      </w:r>
      <w:r>
        <w:t xml:space="preserve"> used the best available scientific and commercial information regarding the status and trends of the species that are present in the </w:t>
      </w:r>
      <w:r w:rsidR="002426FC">
        <w:t>action area</w:t>
      </w:r>
      <w:r>
        <w:t xml:space="preserve">.  </w:t>
      </w:r>
    </w:p>
    <w:p w14:paraId="55722EB1" w14:textId="69045043" w:rsidR="00AF26AC" w:rsidRDefault="00AF26AC" w:rsidP="00AF26AC">
      <w:pPr>
        <w:pStyle w:val="Normalbullettext"/>
      </w:pPr>
      <w:r>
        <w:t xml:space="preserve">Include recent publications/journal articles/agency data and technical reports that were used and cited.  </w:t>
      </w:r>
    </w:p>
    <w:p w14:paraId="187624E7" w14:textId="2F445121" w:rsidR="00AF26AC" w:rsidRDefault="00AF26AC" w:rsidP="00AF26AC">
      <w:pPr>
        <w:pStyle w:val="Normalbullettext"/>
      </w:pPr>
      <w:r>
        <w:t xml:space="preserve">Include local information relative to the project vicinity, views of recognized experts, and results from recent studies on life history, population dynamics, trends and distribution.  </w:t>
      </w:r>
    </w:p>
    <w:p w14:paraId="07727B47" w14:textId="0E9AE12F" w:rsidR="00AF26AC" w:rsidRDefault="00AF26AC" w:rsidP="00AF26AC">
      <w:pPr>
        <w:pStyle w:val="Normalbullettext"/>
      </w:pPr>
      <w:r>
        <w:t xml:space="preserve">Reference field notes, unpublished data, research in progress, etc.  </w:t>
      </w:r>
    </w:p>
    <w:p w14:paraId="7607CE9C" w14:textId="31D88E16" w:rsidR="00AF26AC" w:rsidRDefault="00AF26AC" w:rsidP="00AF26AC">
      <w:pPr>
        <w:pStyle w:val="Normalbullettext"/>
      </w:pPr>
      <w:r>
        <w:t xml:space="preserve">Include population information within the </w:t>
      </w:r>
      <w:r w:rsidR="002426FC">
        <w:t>action area</w:t>
      </w:r>
      <w:r>
        <w:t>.</w:t>
      </w:r>
    </w:p>
    <w:p w14:paraId="259D7974" w14:textId="33878F80" w:rsidR="00AF26AC" w:rsidRDefault="00AF26AC" w:rsidP="00AF26AC">
      <w:pPr>
        <w:ind w:left="720" w:hanging="720"/>
        <w:contextualSpacing/>
      </w:pPr>
      <w:r>
        <w:fldChar w:fldCharType="begin">
          <w:ffData>
            <w:name w:val="Check130"/>
            <w:enabled/>
            <w:calcOnExit w:val="0"/>
            <w:checkBox>
              <w:sizeAuto/>
              <w:default w:val="0"/>
            </w:checkBox>
          </w:ffData>
        </w:fldChar>
      </w:r>
      <w:bookmarkStart w:id="69" w:name="Check130"/>
      <w:r>
        <w:instrText xml:space="preserve"> FORMCHECKBOX </w:instrText>
      </w:r>
      <w:r w:rsidR="009740D3">
        <w:fldChar w:fldCharType="separate"/>
      </w:r>
      <w:r>
        <w:fldChar w:fldCharType="end"/>
      </w:r>
      <w:bookmarkEnd w:id="69"/>
      <w:r>
        <w:tab/>
        <w:t xml:space="preserve">Describe details on the presence, timing, abundance and site-specific biological requirements of different life stages that may be present in the </w:t>
      </w:r>
      <w:r w:rsidR="002426FC">
        <w:t>action area</w:t>
      </w:r>
      <w:r>
        <w:t>.</w:t>
      </w:r>
    </w:p>
    <w:p w14:paraId="1FB3A582" w14:textId="02782029" w:rsidR="00AF26AC" w:rsidRDefault="00AF26AC" w:rsidP="00AF26AC">
      <w:pPr>
        <w:ind w:left="720" w:hanging="720"/>
        <w:contextualSpacing/>
      </w:pPr>
      <w:r>
        <w:fldChar w:fldCharType="begin">
          <w:ffData>
            <w:name w:val="Check131"/>
            <w:enabled/>
            <w:calcOnExit w:val="0"/>
            <w:checkBox>
              <w:sizeAuto/>
              <w:default w:val="0"/>
            </w:checkBox>
          </w:ffData>
        </w:fldChar>
      </w:r>
      <w:bookmarkStart w:id="70" w:name="Check131"/>
      <w:r>
        <w:instrText xml:space="preserve"> FORMCHECKBOX </w:instrText>
      </w:r>
      <w:r w:rsidR="009740D3">
        <w:fldChar w:fldCharType="separate"/>
      </w:r>
      <w:r>
        <w:fldChar w:fldCharType="end"/>
      </w:r>
      <w:bookmarkEnd w:id="70"/>
      <w:r>
        <w:tab/>
        <w:t>Describe survey methods followed including dates and timing, list any survey protocols followed, and habitat assessment and survey results (note: including survey reports in an appendix can save time).</w:t>
      </w:r>
    </w:p>
    <w:p w14:paraId="14757406" w14:textId="51A4B6D3" w:rsidR="00AF26AC" w:rsidRPr="00012EF0" w:rsidRDefault="00AF26AC" w:rsidP="00AF26AC">
      <w:pPr>
        <w:ind w:left="720" w:hanging="720"/>
        <w:contextualSpacing/>
      </w:pPr>
      <w:r>
        <w:fldChar w:fldCharType="begin">
          <w:ffData>
            <w:name w:val="Check132"/>
            <w:enabled/>
            <w:calcOnExit w:val="0"/>
            <w:checkBox>
              <w:sizeAuto/>
              <w:default w:val="0"/>
            </w:checkBox>
          </w:ffData>
        </w:fldChar>
      </w:r>
      <w:bookmarkStart w:id="71" w:name="Check132"/>
      <w:r>
        <w:instrText xml:space="preserve"> FORMCHECKBOX </w:instrText>
      </w:r>
      <w:r w:rsidR="009740D3">
        <w:fldChar w:fldCharType="separate"/>
      </w:r>
      <w:r>
        <w:fldChar w:fldCharType="end"/>
      </w:r>
      <w:bookmarkEnd w:id="71"/>
      <w:r>
        <w:tab/>
        <w:t>Describe which species we are assuming presence of, which portions of the action area, and rationale for this determination.</w:t>
      </w:r>
    </w:p>
    <w:p w14:paraId="0235BE81" w14:textId="2DED8D26" w:rsidR="00566C3B" w:rsidRPr="00E1160E" w:rsidRDefault="00566C3B" w:rsidP="00733B70">
      <w:pPr>
        <w:pStyle w:val="Heading3"/>
      </w:pPr>
      <w:r w:rsidRPr="00E1160E">
        <w:t>Status of Critical Habitat</w:t>
      </w:r>
      <w:r w:rsidR="002E7BAB" w:rsidRPr="00E1160E">
        <w:t xml:space="preserve"> within the Action Area</w:t>
      </w:r>
    </w:p>
    <w:p w14:paraId="6322A8BE" w14:textId="28142864" w:rsidR="00012EF0" w:rsidRDefault="00012EF0" w:rsidP="002E7BAB">
      <w:pPr>
        <w:ind w:left="720" w:hanging="720"/>
        <w:contextualSpacing/>
      </w:pPr>
      <w:r>
        <w:fldChar w:fldCharType="begin">
          <w:ffData>
            <w:name w:val="Check85"/>
            <w:enabled/>
            <w:calcOnExit w:val="0"/>
            <w:checkBox>
              <w:sizeAuto/>
              <w:default w:val="0"/>
            </w:checkBox>
          </w:ffData>
        </w:fldChar>
      </w:r>
      <w:bookmarkStart w:id="72" w:name="Check85"/>
      <w:r>
        <w:instrText xml:space="preserve"> FORMCHECKBOX </w:instrText>
      </w:r>
      <w:r w:rsidR="009740D3">
        <w:fldChar w:fldCharType="separate"/>
      </w:r>
      <w:r>
        <w:fldChar w:fldCharType="end"/>
      </w:r>
      <w:bookmarkEnd w:id="72"/>
      <w:r w:rsidR="002B23E5">
        <w:tab/>
      </w:r>
      <w:r>
        <w:t>Identify and describe those PCEs</w:t>
      </w:r>
      <w:r w:rsidR="002E7BAB">
        <w:t>/PBFs</w:t>
      </w:r>
      <w:r>
        <w:t xml:space="preserve"> of </w:t>
      </w:r>
      <w:r w:rsidR="002E7BAB">
        <w:t xml:space="preserve">designated and proposed </w:t>
      </w:r>
      <w:r>
        <w:t>critical habitat within the action area.</w:t>
      </w:r>
    </w:p>
    <w:p w14:paraId="43B06DF8" w14:textId="370695E5" w:rsidR="00012EF0" w:rsidRDefault="00012EF0" w:rsidP="002B23E5">
      <w:pPr>
        <w:ind w:left="720" w:hanging="720"/>
        <w:contextualSpacing/>
      </w:pPr>
      <w:r>
        <w:fldChar w:fldCharType="begin">
          <w:ffData>
            <w:name w:val="Check87"/>
            <w:enabled/>
            <w:calcOnExit w:val="0"/>
            <w:checkBox>
              <w:sizeAuto/>
              <w:default w:val="0"/>
            </w:checkBox>
          </w:ffData>
        </w:fldChar>
      </w:r>
      <w:bookmarkStart w:id="73" w:name="Check87"/>
      <w:r>
        <w:instrText xml:space="preserve"> FORMCHECKBOX </w:instrText>
      </w:r>
      <w:r w:rsidR="009740D3">
        <w:fldChar w:fldCharType="separate"/>
      </w:r>
      <w:r>
        <w:fldChar w:fldCharType="end"/>
      </w:r>
      <w:bookmarkEnd w:id="73"/>
      <w:r w:rsidR="002B23E5">
        <w:tab/>
      </w:r>
      <w:r>
        <w:t>Descri</w:t>
      </w:r>
      <w:r w:rsidR="002E7BAB">
        <w:t xml:space="preserve">ption of </w:t>
      </w:r>
      <w:r>
        <w:t>how the</w:t>
      </w:r>
      <w:r w:rsidR="002E7BAB">
        <w:t xml:space="preserve"> BA used the </w:t>
      </w:r>
      <w:r>
        <w:t>best available scientific and commercial information regarding the status and trends of critical habitat PCEs</w:t>
      </w:r>
      <w:r w:rsidR="002E7BAB">
        <w:t xml:space="preserve">/PBFs that are </w:t>
      </w:r>
      <w:r>
        <w:t xml:space="preserve"> present in the action area</w:t>
      </w:r>
      <w:r w:rsidR="002E7BAB">
        <w:t xml:space="preserve">.  </w:t>
      </w:r>
      <w:r>
        <w:t>Include</w:t>
      </w:r>
      <w:r w:rsidR="002E7BAB">
        <w:t xml:space="preserve"> recent</w:t>
      </w:r>
      <w:r>
        <w:t xml:space="preserve"> publications, journal articles, agency data, and technical reports that were used and cited.  Include local information relative to the project vicinity, views of recognized experts, and results from recent studies, life history, population dynamics, trends, and distribution.  Reference field notes, unpublished data, research in progress, and other applicable material.</w:t>
      </w:r>
    </w:p>
    <w:p w14:paraId="6277A0FA" w14:textId="37ADB1B5" w:rsidR="00012EF0" w:rsidRPr="00012EF0" w:rsidRDefault="009477BE" w:rsidP="002B23E5">
      <w:pPr>
        <w:ind w:left="720" w:hanging="720"/>
      </w:pPr>
      <w:r>
        <w:fldChar w:fldCharType="begin">
          <w:ffData>
            <w:name w:val="Check120"/>
            <w:enabled/>
            <w:calcOnExit w:val="0"/>
            <w:checkBox>
              <w:sizeAuto/>
              <w:default w:val="0"/>
            </w:checkBox>
          </w:ffData>
        </w:fldChar>
      </w:r>
      <w:bookmarkStart w:id="74" w:name="Check120"/>
      <w:r>
        <w:instrText xml:space="preserve"> FORMCHECKBOX </w:instrText>
      </w:r>
      <w:r w:rsidR="009740D3">
        <w:fldChar w:fldCharType="separate"/>
      </w:r>
      <w:r>
        <w:fldChar w:fldCharType="end"/>
      </w:r>
      <w:bookmarkEnd w:id="74"/>
      <w:r>
        <w:tab/>
      </w:r>
      <w:r w:rsidR="002E7BAB">
        <w:t>Note</w:t>
      </w:r>
      <w:r w:rsidR="00012EF0" w:rsidRPr="009477BE">
        <w:t xml:space="preserve"> the total area affected critical habitat </w:t>
      </w:r>
      <w:r w:rsidR="002E7BAB">
        <w:t xml:space="preserve">(e.g. acres, linear feet) </w:t>
      </w:r>
      <w:r w:rsidR="00012EF0" w:rsidRPr="009477BE">
        <w:t>by applicable PCE</w:t>
      </w:r>
      <w:r w:rsidR="002E7BAB">
        <w:t>/PBF.</w:t>
      </w:r>
    </w:p>
    <w:p w14:paraId="22678784" w14:textId="77777777" w:rsidR="00566C3B" w:rsidRDefault="00D92834" w:rsidP="002B23E5">
      <w:pPr>
        <w:pStyle w:val="Heading2"/>
      </w:pPr>
      <w:r>
        <w:lastRenderedPageBreak/>
        <w:t>Effects of the Action</w:t>
      </w:r>
    </w:p>
    <w:p w14:paraId="78C68D9E" w14:textId="77777777" w:rsidR="00D92834" w:rsidRPr="00E1160E" w:rsidRDefault="00D92834" w:rsidP="00733B70">
      <w:pPr>
        <w:pStyle w:val="Heading3"/>
      </w:pPr>
      <w:r w:rsidRPr="00E1160E">
        <w:t>Approach to the Assessment</w:t>
      </w:r>
    </w:p>
    <w:p w14:paraId="7433EF37" w14:textId="59684325" w:rsidR="00012EF0" w:rsidRDefault="00012EF0" w:rsidP="002B23E5">
      <w:pPr>
        <w:ind w:left="720" w:hanging="720"/>
        <w:contextualSpacing/>
      </w:pPr>
      <w:r>
        <w:fldChar w:fldCharType="begin">
          <w:ffData>
            <w:name w:val="Check88"/>
            <w:enabled/>
            <w:calcOnExit w:val="0"/>
            <w:checkBox>
              <w:sizeAuto/>
              <w:default w:val="0"/>
            </w:checkBox>
          </w:ffData>
        </w:fldChar>
      </w:r>
      <w:bookmarkStart w:id="75" w:name="Check88"/>
      <w:r>
        <w:instrText xml:space="preserve"> FORMCHECKBOX </w:instrText>
      </w:r>
      <w:r w:rsidR="009740D3">
        <w:fldChar w:fldCharType="separate"/>
      </w:r>
      <w:r>
        <w:fldChar w:fldCharType="end"/>
      </w:r>
      <w:bookmarkEnd w:id="75"/>
      <w:r w:rsidR="002B23E5">
        <w:tab/>
      </w:r>
      <w:r>
        <w:t xml:space="preserve">Analytical approach is consistent with the risk assessment framework developed by </w:t>
      </w:r>
      <w:r w:rsidR="002E7BAB">
        <w:t>USFWS</w:t>
      </w:r>
      <w:r>
        <w:t xml:space="preserve"> for analyzing effects to listed species and their habitat based on exposure and response to an action.  This framework follows nine steps that can be consistently applied to different types of actions and used to develop replicable assessments with logical, well-reasoned, and supportable conclusions.</w:t>
      </w:r>
    </w:p>
    <w:p w14:paraId="076D04E6" w14:textId="06493DE1" w:rsidR="00012EF0" w:rsidRDefault="00012EF0" w:rsidP="002B23E5">
      <w:pPr>
        <w:ind w:left="720" w:hanging="720"/>
        <w:contextualSpacing/>
      </w:pPr>
      <w:r>
        <w:fldChar w:fldCharType="begin">
          <w:ffData>
            <w:name w:val="Check89"/>
            <w:enabled/>
            <w:calcOnExit w:val="0"/>
            <w:checkBox>
              <w:sizeAuto/>
              <w:default w:val="0"/>
            </w:checkBox>
          </w:ffData>
        </w:fldChar>
      </w:r>
      <w:bookmarkStart w:id="76" w:name="Check89"/>
      <w:r>
        <w:instrText xml:space="preserve"> FORMCHECKBOX </w:instrText>
      </w:r>
      <w:r w:rsidR="009740D3">
        <w:fldChar w:fldCharType="separate"/>
      </w:r>
      <w:r>
        <w:fldChar w:fldCharType="end"/>
      </w:r>
      <w:bookmarkEnd w:id="76"/>
      <w:r w:rsidR="002B23E5">
        <w:tab/>
      </w:r>
      <w:r>
        <w:t xml:space="preserve">Description of potential direct and indirect effects, </w:t>
      </w:r>
      <w:r w:rsidR="002E7BAB">
        <w:t>effect on recovery, and cumulative effects, including of any proposed habitat creation, restoration, enhancement, management, and/or monitoring.</w:t>
      </w:r>
    </w:p>
    <w:p w14:paraId="42D793D7" w14:textId="29558590" w:rsidR="002E7BAB" w:rsidRDefault="00AF26AC" w:rsidP="002B23E5">
      <w:pPr>
        <w:ind w:left="720" w:hanging="720"/>
        <w:contextualSpacing/>
      </w:pPr>
      <w:r>
        <w:fldChar w:fldCharType="begin">
          <w:ffData>
            <w:name w:val="Check133"/>
            <w:enabled/>
            <w:calcOnExit w:val="0"/>
            <w:checkBox>
              <w:sizeAuto/>
              <w:default w:val="0"/>
            </w:checkBox>
          </w:ffData>
        </w:fldChar>
      </w:r>
      <w:bookmarkStart w:id="77" w:name="Check133"/>
      <w:r>
        <w:instrText xml:space="preserve"> FORMCHECKBOX </w:instrText>
      </w:r>
      <w:r w:rsidR="009740D3">
        <w:fldChar w:fldCharType="separate"/>
      </w:r>
      <w:r>
        <w:fldChar w:fldCharType="end"/>
      </w:r>
      <w:bookmarkEnd w:id="77"/>
      <w:r>
        <w:tab/>
      </w:r>
      <w:r w:rsidRPr="00AF26AC">
        <w:t>Quantify habitat impacts. Provide temporary and permanent, direct and indirect habitat impact calculations.</w:t>
      </w:r>
    </w:p>
    <w:p w14:paraId="7C619F07" w14:textId="7ABC41F0" w:rsidR="00012EF0" w:rsidRDefault="00012EF0" w:rsidP="002B23E5">
      <w:pPr>
        <w:ind w:left="720" w:hanging="720"/>
        <w:contextualSpacing/>
      </w:pPr>
      <w:r>
        <w:fldChar w:fldCharType="begin">
          <w:ffData>
            <w:name w:val="Check90"/>
            <w:enabled/>
            <w:calcOnExit w:val="0"/>
            <w:checkBox>
              <w:sizeAuto/>
              <w:default w:val="0"/>
            </w:checkBox>
          </w:ffData>
        </w:fldChar>
      </w:r>
      <w:bookmarkStart w:id="78" w:name="Check90"/>
      <w:r>
        <w:instrText xml:space="preserve"> FORMCHECKBOX </w:instrText>
      </w:r>
      <w:r w:rsidR="009740D3">
        <w:fldChar w:fldCharType="separate"/>
      </w:r>
      <w:r>
        <w:fldChar w:fldCharType="end"/>
      </w:r>
      <w:bookmarkEnd w:id="78"/>
      <w:r w:rsidR="002B23E5">
        <w:tab/>
      </w:r>
      <w:r>
        <w:t xml:space="preserve">A description of how </w:t>
      </w:r>
      <w:r w:rsidR="00AF26AC">
        <w:t xml:space="preserve">the project will affect </w:t>
      </w:r>
      <w:r>
        <w:t>individuals of a species and critical habitat will be conducted separately</w:t>
      </w:r>
      <w:r w:rsidR="00AF26AC">
        <w:t xml:space="preserve"> (see below).</w:t>
      </w:r>
    </w:p>
    <w:p w14:paraId="717B4D84" w14:textId="35742A88" w:rsidR="002E7BAB" w:rsidRPr="00012EF0" w:rsidRDefault="00AF26AC" w:rsidP="002B23E5">
      <w:pPr>
        <w:ind w:left="720" w:hanging="720"/>
        <w:contextualSpacing/>
      </w:pPr>
      <w:r>
        <w:fldChar w:fldCharType="begin">
          <w:ffData>
            <w:name w:val="Check134"/>
            <w:enabled/>
            <w:calcOnExit w:val="0"/>
            <w:checkBox>
              <w:sizeAuto/>
              <w:default w:val="0"/>
            </w:checkBox>
          </w:ffData>
        </w:fldChar>
      </w:r>
      <w:bookmarkStart w:id="79" w:name="Check134"/>
      <w:r>
        <w:instrText xml:space="preserve"> FORMCHECKBOX </w:instrText>
      </w:r>
      <w:r w:rsidR="009740D3">
        <w:fldChar w:fldCharType="separate"/>
      </w:r>
      <w:r>
        <w:fldChar w:fldCharType="end"/>
      </w:r>
      <w:bookmarkEnd w:id="79"/>
      <w:r>
        <w:tab/>
      </w:r>
      <w:r w:rsidRPr="00AF26AC">
        <w:t>Break down temporary or permanent actions. Consider all pre-construction, construction, and post-construction work associated with the project and as described in project description.</w:t>
      </w:r>
    </w:p>
    <w:p w14:paraId="481EC794" w14:textId="77777777" w:rsidR="00D92834" w:rsidRPr="00E1160E" w:rsidRDefault="00D92834" w:rsidP="00733B70">
      <w:pPr>
        <w:pStyle w:val="Heading3"/>
      </w:pPr>
      <w:r w:rsidRPr="00E1160E">
        <w:t>Information Available for the Assessment</w:t>
      </w:r>
    </w:p>
    <w:p w14:paraId="7BF1567F" w14:textId="170E30DA" w:rsidR="00012EF0" w:rsidRPr="00012EF0" w:rsidRDefault="00012EF0" w:rsidP="002E7BAB">
      <w:pPr>
        <w:ind w:left="720" w:hanging="720"/>
      </w:pPr>
      <w:r>
        <w:fldChar w:fldCharType="begin">
          <w:ffData>
            <w:name w:val="Check91"/>
            <w:enabled/>
            <w:calcOnExit w:val="0"/>
            <w:checkBox>
              <w:sizeAuto/>
              <w:default w:val="0"/>
            </w:checkBox>
          </w:ffData>
        </w:fldChar>
      </w:r>
      <w:bookmarkStart w:id="80" w:name="Check91"/>
      <w:r>
        <w:instrText xml:space="preserve"> FORMCHECKBOX </w:instrText>
      </w:r>
      <w:r w:rsidR="009740D3">
        <w:fldChar w:fldCharType="separate"/>
      </w:r>
      <w:r>
        <w:fldChar w:fldCharType="end"/>
      </w:r>
      <w:bookmarkEnd w:id="80"/>
      <w:r w:rsidR="002B23E5">
        <w:tab/>
      </w:r>
      <w:r w:rsidR="002E7BAB">
        <w:t>A description of</w:t>
      </w:r>
      <w:r>
        <w:t xml:space="preserve"> the best scientific and commercial information that will be applied to the assessment.</w:t>
      </w:r>
    </w:p>
    <w:p w14:paraId="74903002" w14:textId="77777777" w:rsidR="00D92834" w:rsidRPr="00E1160E" w:rsidRDefault="00D92834" w:rsidP="00733B70">
      <w:pPr>
        <w:pStyle w:val="Heading3"/>
      </w:pPr>
      <w:r w:rsidRPr="00E1160E">
        <w:t>Assumptions Underlying this Assessment</w:t>
      </w:r>
    </w:p>
    <w:p w14:paraId="5A8EAFE4" w14:textId="77777777" w:rsidR="00012EF0" w:rsidRPr="00012EF0" w:rsidRDefault="00C14425" w:rsidP="00012EF0">
      <w:r>
        <w:fldChar w:fldCharType="begin">
          <w:ffData>
            <w:name w:val="Check93"/>
            <w:enabled/>
            <w:calcOnExit w:val="0"/>
            <w:checkBox>
              <w:sizeAuto/>
              <w:default w:val="0"/>
            </w:checkBox>
          </w:ffData>
        </w:fldChar>
      </w:r>
      <w:bookmarkStart w:id="81" w:name="Check93"/>
      <w:r>
        <w:instrText xml:space="preserve"> FORMCHECKBOX </w:instrText>
      </w:r>
      <w:r w:rsidR="009740D3">
        <w:fldChar w:fldCharType="separate"/>
      </w:r>
      <w:r>
        <w:fldChar w:fldCharType="end"/>
      </w:r>
      <w:bookmarkEnd w:id="81"/>
      <w:r w:rsidR="002B23E5">
        <w:tab/>
      </w:r>
      <w:r w:rsidRPr="00C14425">
        <w:t>A description of any assumptions that will be applied to the analysis.</w:t>
      </w:r>
    </w:p>
    <w:p w14:paraId="2EFE9EB6" w14:textId="4FEDD655" w:rsidR="00D92834" w:rsidRPr="00E1160E" w:rsidRDefault="00D92834" w:rsidP="00733B70">
      <w:pPr>
        <w:pStyle w:val="Heading3"/>
      </w:pPr>
      <w:r w:rsidRPr="00E1160E">
        <w:t>Effects:  Exposure</w:t>
      </w:r>
      <w:r w:rsidR="00AF26AC" w:rsidRPr="00E1160E">
        <w:t>, Response, and Risk</w:t>
      </w:r>
      <w:r w:rsidRPr="00E1160E">
        <w:t xml:space="preserve"> Assessment to Individuals</w:t>
      </w:r>
    </w:p>
    <w:p w14:paraId="791B80A2" w14:textId="3D984A88" w:rsidR="00C14425" w:rsidRPr="00AF26AC" w:rsidRDefault="00C14425" w:rsidP="002B23E5">
      <w:pPr>
        <w:ind w:left="720" w:hanging="720"/>
        <w:contextualSpacing/>
      </w:pPr>
      <w:r w:rsidRPr="00AF26AC">
        <w:fldChar w:fldCharType="begin">
          <w:ffData>
            <w:name w:val="Check94"/>
            <w:enabled/>
            <w:calcOnExit w:val="0"/>
            <w:checkBox>
              <w:sizeAuto/>
              <w:default w:val="0"/>
            </w:checkBox>
          </w:ffData>
        </w:fldChar>
      </w:r>
      <w:bookmarkStart w:id="82" w:name="Check94"/>
      <w:r w:rsidRPr="00AF26AC">
        <w:instrText xml:space="preserve"> FORMCHECKBOX </w:instrText>
      </w:r>
      <w:r w:rsidR="009740D3">
        <w:fldChar w:fldCharType="separate"/>
      </w:r>
      <w:r w:rsidRPr="00AF26AC">
        <w:fldChar w:fldCharType="end"/>
      </w:r>
      <w:bookmarkEnd w:id="82"/>
      <w:r w:rsidR="002B23E5" w:rsidRPr="00AF26AC">
        <w:tab/>
      </w:r>
      <w:r w:rsidRPr="00AF26AC">
        <w:t>Description of the spatial and temporal exposure of species and specific life history stages to deconstructed elements of the proposed action in the action area.</w:t>
      </w:r>
    </w:p>
    <w:p w14:paraId="16701F92" w14:textId="095C50B1" w:rsidR="00AF26AC" w:rsidRPr="00AF26AC" w:rsidRDefault="00AF26AC" w:rsidP="00AF26AC">
      <w:pPr>
        <w:pStyle w:val="Normalbullettext"/>
      </w:pPr>
      <w:r w:rsidRPr="00AF26AC">
        <w:t xml:space="preserve">Consider species’ development patterns, spatial distribution, how that varies over time, and species’ niche/ecological relationship. Include description of the potential stressors associated with proposed elements with the </w:t>
      </w:r>
      <w:r w:rsidR="002426FC" w:rsidRPr="00AF26AC">
        <w:t>action area</w:t>
      </w:r>
      <w:r w:rsidRPr="00AF26AC">
        <w:t>.</w:t>
      </w:r>
    </w:p>
    <w:p w14:paraId="0EAEE190" w14:textId="1532BA55" w:rsidR="00C14425" w:rsidRDefault="00C14425" w:rsidP="00AF26AC">
      <w:pPr>
        <w:ind w:left="720" w:hanging="720"/>
        <w:contextualSpacing/>
      </w:pPr>
      <w:r w:rsidRPr="00AF26AC">
        <w:fldChar w:fldCharType="begin">
          <w:ffData>
            <w:name w:val="Check95"/>
            <w:enabled/>
            <w:calcOnExit w:val="0"/>
            <w:checkBox>
              <w:sizeAuto/>
              <w:default w:val="0"/>
            </w:checkBox>
          </w:ffData>
        </w:fldChar>
      </w:r>
      <w:bookmarkStart w:id="83" w:name="Check95"/>
      <w:r w:rsidRPr="00AF26AC">
        <w:instrText xml:space="preserve"> FORMCHECKBOX </w:instrText>
      </w:r>
      <w:r w:rsidR="009740D3">
        <w:fldChar w:fldCharType="separate"/>
      </w:r>
      <w:r w:rsidRPr="00AF26AC">
        <w:fldChar w:fldCharType="end"/>
      </w:r>
      <w:bookmarkEnd w:id="83"/>
      <w:r w:rsidR="00AF26AC" w:rsidRPr="00AF26AC">
        <w:tab/>
        <w:t xml:space="preserve">Description of the </w:t>
      </w:r>
      <w:r w:rsidRPr="00AF26AC">
        <w:t>direct and indirect</w:t>
      </w:r>
      <w:r w:rsidR="00AF26AC" w:rsidRPr="00AF26AC">
        <w:t xml:space="preserve"> biological response to species and individuals (e.g. demographic responses such as changes in fecundity, maternity, growth, survival, immigration, or emigration rates) that are exposed to project related stressors associated with deconstructed action elements with the </w:t>
      </w:r>
      <w:r w:rsidR="002426FC" w:rsidRPr="00AF26AC">
        <w:t>action area</w:t>
      </w:r>
      <w:r w:rsidR="00AF26AC" w:rsidRPr="00AF26AC">
        <w:t>.</w:t>
      </w:r>
    </w:p>
    <w:p w14:paraId="27E7B1E2" w14:textId="6C01FB18" w:rsidR="00AF26AC" w:rsidRDefault="00AF26AC" w:rsidP="00AF26AC">
      <w:pPr>
        <w:ind w:left="720" w:hanging="720"/>
        <w:contextualSpacing/>
      </w:pPr>
      <w:r>
        <w:lastRenderedPageBreak/>
        <w:fldChar w:fldCharType="begin">
          <w:ffData>
            <w:name w:val="Check135"/>
            <w:enabled/>
            <w:calcOnExit w:val="0"/>
            <w:checkBox>
              <w:sizeAuto/>
              <w:default w:val="0"/>
            </w:checkBox>
          </w:ffData>
        </w:fldChar>
      </w:r>
      <w:bookmarkStart w:id="84" w:name="Check135"/>
      <w:r>
        <w:instrText xml:space="preserve"> FORMCHECKBOX </w:instrText>
      </w:r>
      <w:r w:rsidR="009740D3">
        <w:fldChar w:fldCharType="separate"/>
      </w:r>
      <w:r>
        <w:fldChar w:fldCharType="end"/>
      </w:r>
      <w:bookmarkEnd w:id="84"/>
      <w:r>
        <w:tab/>
        <w:t>Would responses of individuals be great enough to reduce fitness and/or increase the extinction risk considering the baseline conditions?</w:t>
      </w:r>
    </w:p>
    <w:p w14:paraId="6ED603E6" w14:textId="1D5407D6" w:rsidR="00AF26AC" w:rsidRPr="00496D8E" w:rsidRDefault="00AF26AC" w:rsidP="00AF26AC">
      <w:pPr>
        <w:ind w:left="720" w:hanging="720"/>
        <w:contextualSpacing/>
        <w:rPr>
          <w:highlight w:val="yellow"/>
        </w:rPr>
      </w:pPr>
      <w:r>
        <w:fldChar w:fldCharType="begin">
          <w:ffData>
            <w:name w:val="Check136"/>
            <w:enabled/>
            <w:calcOnExit w:val="0"/>
            <w:checkBox>
              <w:sizeAuto/>
              <w:default w:val="0"/>
            </w:checkBox>
          </w:ffData>
        </w:fldChar>
      </w:r>
      <w:bookmarkStart w:id="85" w:name="Check136"/>
      <w:r>
        <w:instrText xml:space="preserve"> FORMCHECKBOX </w:instrText>
      </w:r>
      <w:r w:rsidR="009740D3">
        <w:fldChar w:fldCharType="separate"/>
      </w:r>
      <w:r>
        <w:fldChar w:fldCharType="end"/>
      </w:r>
      <w:bookmarkEnd w:id="85"/>
      <w:r>
        <w:tab/>
      </w:r>
      <w:r w:rsidRPr="00AF26AC">
        <w:t>Document the number of individuals that are anticipated to be affected by the project and describe whether impacts are anticipated to be temporary or permanent.</w:t>
      </w:r>
    </w:p>
    <w:p w14:paraId="7A67B7DF" w14:textId="6847B565" w:rsidR="00D92834" w:rsidRPr="00E1160E" w:rsidRDefault="00D92834" w:rsidP="00733B70">
      <w:pPr>
        <w:pStyle w:val="Heading3"/>
      </w:pPr>
      <w:r w:rsidRPr="00E1160E">
        <w:t>Effects:  Exposure</w:t>
      </w:r>
      <w:r w:rsidR="00AF26AC" w:rsidRPr="00E1160E">
        <w:t xml:space="preserve"> and Risk</w:t>
      </w:r>
      <w:r w:rsidRPr="00E1160E">
        <w:t xml:space="preserve"> Assessment to Critical Habitat</w:t>
      </w:r>
    </w:p>
    <w:p w14:paraId="2B70E377" w14:textId="4C010E51" w:rsidR="001D5DE2" w:rsidRPr="001D5DE2" w:rsidRDefault="00C14425" w:rsidP="001D5DE2">
      <w:pPr>
        <w:ind w:left="720" w:hanging="720"/>
        <w:contextualSpacing/>
      </w:pPr>
      <w:r w:rsidRPr="001D5DE2">
        <w:fldChar w:fldCharType="begin">
          <w:ffData>
            <w:name w:val="Check100"/>
            <w:enabled/>
            <w:calcOnExit w:val="0"/>
            <w:checkBox>
              <w:sizeAuto/>
              <w:default w:val="0"/>
            </w:checkBox>
          </w:ffData>
        </w:fldChar>
      </w:r>
      <w:bookmarkStart w:id="86" w:name="Check100"/>
      <w:r w:rsidRPr="001D5DE2">
        <w:instrText xml:space="preserve"> FORMCHECKBOX </w:instrText>
      </w:r>
      <w:r w:rsidR="009740D3">
        <w:fldChar w:fldCharType="separate"/>
      </w:r>
      <w:r w:rsidRPr="001D5DE2">
        <w:fldChar w:fldCharType="end"/>
      </w:r>
      <w:bookmarkEnd w:id="86"/>
      <w:r w:rsidR="002B23E5" w:rsidRPr="001D5DE2">
        <w:tab/>
      </w:r>
      <w:r w:rsidR="001D5DE2" w:rsidRPr="001D5DE2">
        <w:t xml:space="preserve">Description of the spatial and temporal exposure of critical habitat </w:t>
      </w:r>
      <w:r w:rsidR="009B3199">
        <w:t>PCEs/</w:t>
      </w:r>
      <w:r w:rsidR="001D5DE2" w:rsidRPr="001D5DE2">
        <w:t>PBFs to potential stressors. Same parameters as above.</w:t>
      </w:r>
    </w:p>
    <w:p w14:paraId="24D32420" w14:textId="3B41A8E3" w:rsidR="001D5DE2" w:rsidRPr="001D5DE2" w:rsidRDefault="001D5DE2" w:rsidP="001D5DE2">
      <w:pPr>
        <w:ind w:left="720" w:hanging="720"/>
        <w:contextualSpacing/>
      </w:pPr>
      <w:r w:rsidRPr="001D5DE2">
        <w:fldChar w:fldCharType="begin">
          <w:ffData>
            <w:name w:val="Check140"/>
            <w:enabled/>
            <w:calcOnExit w:val="0"/>
            <w:checkBox>
              <w:sizeAuto/>
              <w:default w:val="0"/>
            </w:checkBox>
          </w:ffData>
        </w:fldChar>
      </w:r>
      <w:bookmarkStart w:id="87" w:name="Check140"/>
      <w:r w:rsidRPr="001D5DE2">
        <w:instrText xml:space="preserve"> FORMCHECKBOX </w:instrText>
      </w:r>
      <w:r w:rsidR="009740D3">
        <w:fldChar w:fldCharType="separate"/>
      </w:r>
      <w:r w:rsidRPr="001D5DE2">
        <w:fldChar w:fldCharType="end"/>
      </w:r>
      <w:bookmarkEnd w:id="87"/>
      <w:r w:rsidRPr="001D5DE2">
        <w:tab/>
        <w:t xml:space="preserve">Description of the direct and indirect physical response of critical habitat </w:t>
      </w:r>
      <w:r w:rsidR="009B3199">
        <w:t>PCEs/</w:t>
      </w:r>
      <w:r w:rsidRPr="001D5DE2">
        <w:t xml:space="preserve">PBFs to potential stressors associated with deconstructed action elements with the </w:t>
      </w:r>
      <w:r w:rsidR="002426FC" w:rsidRPr="001D5DE2">
        <w:t>action area</w:t>
      </w:r>
      <w:r w:rsidRPr="001D5DE2">
        <w:t>. Same parameters as above.</w:t>
      </w:r>
    </w:p>
    <w:p w14:paraId="06BD1652" w14:textId="2A2ADD95" w:rsidR="001D5DE2" w:rsidRPr="001D5DE2" w:rsidRDefault="001D5DE2" w:rsidP="001D5DE2">
      <w:pPr>
        <w:ind w:left="720" w:hanging="720"/>
        <w:contextualSpacing/>
      </w:pPr>
      <w:r w:rsidRPr="001D5DE2">
        <w:fldChar w:fldCharType="begin">
          <w:ffData>
            <w:name w:val="Check141"/>
            <w:enabled/>
            <w:calcOnExit w:val="0"/>
            <w:checkBox>
              <w:sizeAuto/>
              <w:default w:val="0"/>
            </w:checkBox>
          </w:ffData>
        </w:fldChar>
      </w:r>
      <w:bookmarkStart w:id="88" w:name="Check141"/>
      <w:r w:rsidRPr="001D5DE2">
        <w:instrText xml:space="preserve"> FORMCHECKBOX </w:instrText>
      </w:r>
      <w:r w:rsidR="009740D3">
        <w:fldChar w:fldCharType="separate"/>
      </w:r>
      <w:r w:rsidRPr="001D5DE2">
        <w:fldChar w:fldCharType="end"/>
      </w:r>
      <w:bookmarkEnd w:id="88"/>
      <w:r w:rsidRPr="001D5DE2">
        <w:tab/>
        <w:t xml:space="preserve">Quantify the total area of affected critical habitat (e.g., acres, linear feet) by applicable </w:t>
      </w:r>
      <w:r w:rsidR="009B3199">
        <w:t>PCE/</w:t>
      </w:r>
      <w:r w:rsidRPr="001D5DE2">
        <w:t xml:space="preserve">PBF.  If there are areas of project impact within designated critical habitat that lack </w:t>
      </w:r>
      <w:r w:rsidR="009B3199">
        <w:t>PCEs/</w:t>
      </w:r>
      <w:r w:rsidRPr="001D5DE2">
        <w:t xml:space="preserve">PBFs, include a quantification and explanation of why </w:t>
      </w:r>
      <w:r w:rsidR="009B3199">
        <w:t>PCEs/</w:t>
      </w:r>
      <w:r w:rsidRPr="001D5DE2">
        <w:t xml:space="preserve">PBFs are considered to be absent.  Also quantify the total critical habitat area that will be impacted by the project (including both those areas with and without </w:t>
      </w:r>
      <w:r w:rsidR="009B3199">
        <w:t>PCEs/</w:t>
      </w:r>
      <w:r w:rsidRPr="001D5DE2">
        <w:t>PBFs) to allow for calculation of the percentage of proposed or designated critical habitat that will be affected by the project.</w:t>
      </w:r>
    </w:p>
    <w:p w14:paraId="3DAD4401" w14:textId="00070327" w:rsidR="00D92834" w:rsidRPr="00E1160E" w:rsidRDefault="00D92834" w:rsidP="00733B70">
      <w:pPr>
        <w:pStyle w:val="Heading3"/>
      </w:pPr>
      <w:r w:rsidRPr="00E1160E">
        <w:t xml:space="preserve">Effects </w:t>
      </w:r>
      <w:r w:rsidR="001D5DE2" w:rsidRPr="00E1160E">
        <w:t>on Recovery</w:t>
      </w:r>
    </w:p>
    <w:p w14:paraId="3B169C60" w14:textId="0E4F566A" w:rsidR="00C14425" w:rsidRPr="001D5DE2" w:rsidRDefault="00C14425" w:rsidP="002B23E5">
      <w:pPr>
        <w:ind w:left="720" w:hanging="720"/>
        <w:contextualSpacing/>
      </w:pPr>
      <w:r w:rsidRPr="001D5DE2">
        <w:fldChar w:fldCharType="begin">
          <w:ffData>
            <w:name w:val="Check102"/>
            <w:enabled/>
            <w:calcOnExit w:val="0"/>
            <w:checkBox>
              <w:sizeAuto/>
              <w:default w:val="0"/>
            </w:checkBox>
          </w:ffData>
        </w:fldChar>
      </w:r>
      <w:bookmarkStart w:id="89" w:name="Check102"/>
      <w:r w:rsidRPr="001D5DE2">
        <w:instrText xml:space="preserve"> FORMCHECKBOX </w:instrText>
      </w:r>
      <w:r w:rsidR="009740D3">
        <w:fldChar w:fldCharType="separate"/>
      </w:r>
      <w:r w:rsidRPr="001D5DE2">
        <w:fldChar w:fldCharType="end"/>
      </w:r>
      <w:bookmarkEnd w:id="89"/>
      <w:r w:rsidR="002B23E5" w:rsidRPr="001D5DE2">
        <w:tab/>
      </w:r>
      <w:r w:rsidR="001D5DE2" w:rsidRPr="001D5DE2">
        <w:t>Evaluation of project consistency with recovery goals in species recovery plan.</w:t>
      </w:r>
    </w:p>
    <w:p w14:paraId="15258D17" w14:textId="68EBEC5C" w:rsidR="001D5DE2" w:rsidRPr="001D5DE2" w:rsidRDefault="001D5DE2" w:rsidP="001D5DE2">
      <w:pPr>
        <w:ind w:left="720" w:hanging="720"/>
        <w:contextualSpacing/>
      </w:pPr>
      <w:r w:rsidRPr="001D5DE2">
        <w:fldChar w:fldCharType="begin">
          <w:ffData>
            <w:name w:val="Check137"/>
            <w:enabled/>
            <w:calcOnExit w:val="0"/>
            <w:checkBox>
              <w:sizeAuto/>
              <w:default w:val="0"/>
            </w:checkBox>
          </w:ffData>
        </w:fldChar>
      </w:r>
      <w:bookmarkStart w:id="90" w:name="Check137"/>
      <w:r w:rsidRPr="001D5DE2">
        <w:instrText xml:space="preserve"> FORMCHECKBOX </w:instrText>
      </w:r>
      <w:r w:rsidR="009740D3">
        <w:fldChar w:fldCharType="separate"/>
      </w:r>
      <w:r w:rsidRPr="001D5DE2">
        <w:fldChar w:fldCharType="end"/>
      </w:r>
      <w:bookmarkEnd w:id="90"/>
      <w:r w:rsidRPr="001D5DE2">
        <w:tab/>
        <w:t>If there is no recovery plan, evaluation of project consistency with general recovery goals of maintaining remaining populations and conserving/restoring habitat that supports them.</w:t>
      </w:r>
    </w:p>
    <w:p w14:paraId="5CA2662C" w14:textId="3DD76747" w:rsidR="001D5DE2" w:rsidRPr="001D5DE2" w:rsidRDefault="001D5DE2" w:rsidP="001D5DE2">
      <w:pPr>
        <w:ind w:left="720" w:hanging="720"/>
        <w:contextualSpacing/>
      </w:pPr>
      <w:r w:rsidRPr="001D5DE2">
        <w:fldChar w:fldCharType="begin">
          <w:ffData>
            <w:name w:val="Check138"/>
            <w:enabled/>
            <w:calcOnExit w:val="0"/>
            <w:checkBox>
              <w:sizeAuto/>
              <w:default w:val="0"/>
            </w:checkBox>
          </w:ffData>
        </w:fldChar>
      </w:r>
      <w:bookmarkStart w:id="91" w:name="Check138"/>
      <w:r w:rsidRPr="001D5DE2">
        <w:instrText xml:space="preserve"> FORMCHECKBOX </w:instrText>
      </w:r>
      <w:r w:rsidR="009740D3">
        <w:fldChar w:fldCharType="separate"/>
      </w:r>
      <w:r w:rsidRPr="001D5DE2">
        <w:fldChar w:fldCharType="end"/>
      </w:r>
      <w:bookmarkEnd w:id="91"/>
      <w:r w:rsidRPr="001D5DE2">
        <w:tab/>
        <w:t xml:space="preserve">Summary of habitat impacts and any proposed habitat creation, restoration, enhancement, preservation, management and monitoring. </w:t>
      </w:r>
    </w:p>
    <w:p w14:paraId="14B2E4FF" w14:textId="0BA1F12D" w:rsidR="001D5DE2" w:rsidRDefault="001D5DE2" w:rsidP="001D5DE2">
      <w:pPr>
        <w:ind w:left="720" w:hanging="720"/>
        <w:contextualSpacing/>
      </w:pPr>
      <w:r w:rsidRPr="001D5DE2">
        <w:fldChar w:fldCharType="begin">
          <w:ffData>
            <w:name w:val="Check139"/>
            <w:enabled/>
            <w:calcOnExit w:val="0"/>
            <w:checkBox>
              <w:sizeAuto/>
              <w:default w:val="0"/>
            </w:checkBox>
          </w:ffData>
        </w:fldChar>
      </w:r>
      <w:bookmarkStart w:id="92" w:name="Check139"/>
      <w:r w:rsidRPr="001D5DE2">
        <w:instrText xml:space="preserve"> FORMCHECKBOX </w:instrText>
      </w:r>
      <w:r w:rsidR="009740D3">
        <w:fldChar w:fldCharType="separate"/>
      </w:r>
      <w:r w:rsidRPr="001D5DE2">
        <w:fldChar w:fldCharType="end"/>
      </w:r>
      <w:bookmarkEnd w:id="92"/>
      <w:r w:rsidRPr="001D5DE2">
        <w:tab/>
        <w:t>Conclusion on if and how the project is expected to contribute to the conservation and recovery of the species over the long-term.</w:t>
      </w:r>
    </w:p>
    <w:p w14:paraId="6D79E9B0" w14:textId="77777777" w:rsidR="00D92834" w:rsidRDefault="00D92834" w:rsidP="002B23E5">
      <w:pPr>
        <w:pStyle w:val="Heading2"/>
      </w:pPr>
      <w:r>
        <w:t>Cumulative Effects</w:t>
      </w:r>
    </w:p>
    <w:p w14:paraId="7906E478" w14:textId="77777777" w:rsidR="00C14425" w:rsidRDefault="00C14425" w:rsidP="002B23E5">
      <w:pPr>
        <w:ind w:left="720" w:hanging="720"/>
      </w:pPr>
      <w:r>
        <w:fldChar w:fldCharType="begin">
          <w:ffData>
            <w:name w:val="Check103"/>
            <w:enabled/>
            <w:calcOnExit w:val="0"/>
            <w:checkBox>
              <w:sizeAuto/>
              <w:default w:val="0"/>
            </w:checkBox>
          </w:ffData>
        </w:fldChar>
      </w:r>
      <w:bookmarkStart w:id="93" w:name="Check103"/>
      <w:r>
        <w:instrText xml:space="preserve"> FORMCHECKBOX </w:instrText>
      </w:r>
      <w:r w:rsidR="009740D3">
        <w:fldChar w:fldCharType="separate"/>
      </w:r>
      <w:r>
        <w:fldChar w:fldCharType="end"/>
      </w:r>
      <w:bookmarkEnd w:id="93"/>
      <w:r w:rsidR="002B23E5">
        <w:tab/>
      </w:r>
      <w:r>
        <w:t>Describe cumulative effects that are reasonably certain to occur within the action area:</w:t>
      </w:r>
    </w:p>
    <w:p w14:paraId="1877C037" w14:textId="77777777" w:rsidR="00C14425" w:rsidRDefault="00C14425" w:rsidP="002B23E5">
      <w:pPr>
        <w:pStyle w:val="Normalbullettext"/>
      </w:pPr>
      <w:r>
        <w:t>Cumulative effects include the effects of future state, tribal, local or private projects.</w:t>
      </w:r>
    </w:p>
    <w:p w14:paraId="4515B1C2" w14:textId="77777777" w:rsidR="00C14425" w:rsidRPr="00C14425" w:rsidRDefault="00C14425" w:rsidP="002B23E5">
      <w:pPr>
        <w:pStyle w:val="Normalbullettext"/>
      </w:pPr>
      <w:r>
        <w:t>Future Federal actions are not considered in this section because they will be subject to separate consultation pursuant to Section 7 of the ESA.</w:t>
      </w:r>
    </w:p>
    <w:p w14:paraId="6C5126A8" w14:textId="77777777" w:rsidR="00D92834" w:rsidRDefault="00D92834" w:rsidP="002B23E5">
      <w:pPr>
        <w:pStyle w:val="Heading2"/>
      </w:pPr>
      <w:r>
        <w:t>Effects of Interrelated and Interdependent Actions</w:t>
      </w:r>
    </w:p>
    <w:p w14:paraId="0044EA4E" w14:textId="79168361" w:rsidR="00D92834" w:rsidRPr="00D92834" w:rsidRDefault="004855A3" w:rsidP="002B23E5">
      <w:pPr>
        <w:ind w:left="720" w:hanging="720"/>
      </w:pPr>
      <w:r>
        <w:fldChar w:fldCharType="begin">
          <w:ffData>
            <w:name w:val="Check24"/>
            <w:enabled/>
            <w:calcOnExit w:val="0"/>
            <w:checkBox>
              <w:sizeAuto/>
              <w:default w:val="0"/>
            </w:checkBox>
          </w:ffData>
        </w:fldChar>
      </w:r>
      <w:bookmarkStart w:id="94" w:name="Check24"/>
      <w:r>
        <w:instrText xml:space="preserve"> FORMCHECKBOX </w:instrText>
      </w:r>
      <w:r w:rsidR="009740D3">
        <w:fldChar w:fldCharType="separate"/>
      </w:r>
      <w:r>
        <w:fldChar w:fldCharType="end"/>
      </w:r>
      <w:bookmarkEnd w:id="94"/>
      <w:r w:rsidR="002B23E5">
        <w:tab/>
      </w:r>
      <w:r w:rsidR="00496D8E">
        <w:t xml:space="preserve">Description of any </w:t>
      </w:r>
      <w:r>
        <w:t xml:space="preserve">interrelated and interdependent </w:t>
      </w:r>
      <w:r w:rsidR="00496D8E">
        <w:t xml:space="preserve">effects </w:t>
      </w:r>
      <w:r>
        <w:t>associated with the proposed action.</w:t>
      </w:r>
    </w:p>
    <w:p w14:paraId="6EDD5BC5" w14:textId="77777777" w:rsidR="00D92834" w:rsidRDefault="00D92834" w:rsidP="002B23E5">
      <w:pPr>
        <w:pStyle w:val="Heading2"/>
      </w:pPr>
      <w:r>
        <w:lastRenderedPageBreak/>
        <w:t>Determination</w:t>
      </w:r>
    </w:p>
    <w:p w14:paraId="3D167F91" w14:textId="41D5201D" w:rsidR="00D92834" w:rsidRDefault="00D92834" w:rsidP="002B23E5">
      <w:pPr>
        <w:ind w:left="720" w:hanging="720"/>
        <w:contextualSpacing/>
      </w:pPr>
      <w:r>
        <w:fldChar w:fldCharType="begin">
          <w:ffData>
            <w:name w:val="Check23"/>
            <w:enabled/>
            <w:calcOnExit w:val="0"/>
            <w:checkBox>
              <w:sizeAuto/>
              <w:default w:val="0"/>
            </w:checkBox>
          </w:ffData>
        </w:fldChar>
      </w:r>
      <w:r>
        <w:instrText xml:space="preserve"> FORMCHECKBOX </w:instrText>
      </w:r>
      <w:r w:rsidR="009740D3">
        <w:fldChar w:fldCharType="separate"/>
      </w:r>
      <w:r>
        <w:fldChar w:fldCharType="end"/>
      </w:r>
      <w:r w:rsidR="002B23E5">
        <w:tab/>
      </w:r>
      <w:r>
        <w:t xml:space="preserve">Logic </w:t>
      </w:r>
      <w:r w:rsidRPr="00D92834">
        <w:t>of the analysis sh</w:t>
      </w:r>
      <w:r w:rsidR="00496D8E">
        <w:t>ould</w:t>
      </w:r>
      <w:r w:rsidRPr="00D92834">
        <w:t xml:space="preserve"> support the determination.  Summarize key points that link the analysis to the determination.</w:t>
      </w:r>
    </w:p>
    <w:p w14:paraId="2328AE3A" w14:textId="77777777" w:rsidR="00D92834" w:rsidRDefault="00D92834" w:rsidP="002B23E5">
      <w:pPr>
        <w:ind w:left="720" w:hanging="720"/>
        <w:contextualSpacing/>
      </w:pPr>
      <w:r>
        <w:fldChar w:fldCharType="begin">
          <w:ffData>
            <w:name w:val="Check23"/>
            <w:enabled/>
            <w:calcOnExit w:val="0"/>
            <w:checkBox>
              <w:sizeAuto/>
              <w:default w:val="0"/>
            </w:checkBox>
          </w:ffData>
        </w:fldChar>
      </w:r>
      <w:r>
        <w:instrText xml:space="preserve"> FORMCHECKBOX </w:instrText>
      </w:r>
      <w:r w:rsidR="009740D3">
        <w:fldChar w:fldCharType="separate"/>
      </w:r>
      <w:r>
        <w:fldChar w:fldCharType="end"/>
      </w:r>
      <w:r w:rsidR="002B23E5">
        <w:tab/>
      </w:r>
      <w:r w:rsidRPr="00D92834">
        <w:t>One of the following determinations shall be made for each listed or proposed species:</w:t>
      </w:r>
    </w:p>
    <w:p w14:paraId="6AB0A4A9" w14:textId="0F5F50B7" w:rsidR="00D92834" w:rsidRDefault="00D92834" w:rsidP="002B23E5">
      <w:pPr>
        <w:pStyle w:val="Normalbullettext"/>
      </w:pPr>
      <w:r>
        <w:t xml:space="preserve">No effect (No effect determinations do not require consultation and </w:t>
      </w:r>
      <w:r w:rsidR="009B3199">
        <w:t>USFWS</w:t>
      </w:r>
      <w:r>
        <w:t xml:space="preserve"> is not obligated to concur with no effect determinations).</w:t>
      </w:r>
    </w:p>
    <w:p w14:paraId="15A9CD13" w14:textId="77777777" w:rsidR="00D92834" w:rsidRDefault="00D92834" w:rsidP="002B23E5">
      <w:pPr>
        <w:pStyle w:val="Normalbullettext"/>
      </w:pPr>
      <w:r>
        <w:t>May affect, not likely to adversely affect.</w:t>
      </w:r>
    </w:p>
    <w:p w14:paraId="2E2D1809" w14:textId="77777777" w:rsidR="00D92834" w:rsidRDefault="00D92834" w:rsidP="002B23E5">
      <w:pPr>
        <w:pStyle w:val="Normalbullettext"/>
      </w:pPr>
      <w:r>
        <w:t>May affect, likely to adversely affect.</w:t>
      </w:r>
    </w:p>
    <w:p w14:paraId="12FFEBB6" w14:textId="77777777" w:rsidR="00D92834" w:rsidRDefault="00D92834" w:rsidP="00D92834">
      <w:pPr>
        <w:ind w:left="720" w:hanging="720"/>
        <w:contextualSpacing/>
      </w:pPr>
      <w:r>
        <w:fldChar w:fldCharType="begin">
          <w:ffData>
            <w:name w:val="Check23"/>
            <w:enabled/>
            <w:calcOnExit w:val="0"/>
            <w:checkBox>
              <w:sizeAuto/>
              <w:default w:val="0"/>
            </w:checkBox>
          </w:ffData>
        </w:fldChar>
      </w:r>
      <w:r>
        <w:instrText xml:space="preserve"> FORMCHECKBOX </w:instrText>
      </w:r>
      <w:r w:rsidR="009740D3">
        <w:fldChar w:fldCharType="separate"/>
      </w:r>
      <w:r>
        <w:fldChar w:fldCharType="end"/>
      </w:r>
      <w:r w:rsidR="002B23E5">
        <w:tab/>
      </w:r>
      <w:r>
        <w:t>One of the following determinations shall be made for each listed or proposed species’ critical habitat:</w:t>
      </w:r>
    </w:p>
    <w:p w14:paraId="7F0261CE" w14:textId="77777777" w:rsidR="00D92834" w:rsidRPr="00D92834" w:rsidRDefault="00D92834" w:rsidP="002B23E5">
      <w:pPr>
        <w:pStyle w:val="Normalbullettext"/>
      </w:pPr>
      <w:r w:rsidRPr="00D92834">
        <w:t>No effect.</w:t>
      </w:r>
    </w:p>
    <w:p w14:paraId="196F20FC" w14:textId="77777777" w:rsidR="00D92834" w:rsidRPr="00D92834" w:rsidRDefault="00D92834" w:rsidP="002B23E5">
      <w:pPr>
        <w:pStyle w:val="Normalbullettext"/>
      </w:pPr>
      <w:r w:rsidRPr="00D92834">
        <w:t>May affect, not likely to adversely affect.</w:t>
      </w:r>
    </w:p>
    <w:p w14:paraId="47560F6B" w14:textId="09023B9E" w:rsidR="00D92834" w:rsidRPr="00D92834" w:rsidRDefault="00D92834" w:rsidP="00496D8E">
      <w:pPr>
        <w:pStyle w:val="Normalbullettext"/>
      </w:pPr>
      <w:r w:rsidRPr="00D92834">
        <w:t>May affect, likely to adversely affect.</w:t>
      </w:r>
    </w:p>
    <w:p w14:paraId="4B9A599B" w14:textId="77777777" w:rsidR="00D92834" w:rsidRDefault="00D92834" w:rsidP="002B23E5">
      <w:pPr>
        <w:pStyle w:val="Heading2"/>
      </w:pPr>
      <w:r>
        <w:t>Literature Cited</w:t>
      </w:r>
    </w:p>
    <w:p w14:paraId="0A60B917" w14:textId="0B37B764" w:rsidR="007215AA" w:rsidRPr="007215AA" w:rsidRDefault="00E32A7D" w:rsidP="00496D8E">
      <w:pPr>
        <w:ind w:left="720" w:hanging="720"/>
        <w:contextualSpacing/>
      </w:pPr>
      <w:r>
        <w:fldChar w:fldCharType="begin">
          <w:ffData>
            <w:name w:val="Check26"/>
            <w:enabled/>
            <w:calcOnExit w:val="0"/>
            <w:checkBox>
              <w:sizeAuto/>
              <w:default w:val="0"/>
            </w:checkBox>
          </w:ffData>
        </w:fldChar>
      </w:r>
      <w:bookmarkStart w:id="95" w:name="Check26"/>
      <w:r>
        <w:instrText xml:space="preserve"> FORMCHECKBOX </w:instrText>
      </w:r>
      <w:r w:rsidR="009740D3">
        <w:fldChar w:fldCharType="separate"/>
      </w:r>
      <w:r>
        <w:fldChar w:fldCharType="end"/>
      </w:r>
      <w:bookmarkEnd w:id="95"/>
      <w:r w:rsidR="002B23E5">
        <w:tab/>
      </w:r>
      <w:r w:rsidR="00D92834">
        <w:t>References used to prepare the BA.</w:t>
      </w:r>
    </w:p>
    <w:sectPr w:rsidR="007215AA" w:rsidRPr="007215AA">
      <w:footerReference w:type="default" r:id="rId14"/>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7B3AA52" w14:textId="77777777" w:rsidR="009740D3" w:rsidRDefault="009740D3" w:rsidP="00455597">
      <w:pPr>
        <w:spacing w:after="0" w:line="240" w:lineRule="auto"/>
      </w:pPr>
      <w:r>
        <w:separator/>
      </w:r>
    </w:p>
  </w:endnote>
  <w:endnote w:type="continuationSeparator" w:id="0">
    <w:p w14:paraId="743C2C78" w14:textId="77777777" w:rsidR="009740D3" w:rsidRDefault="009740D3" w:rsidP="0045559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B8CCF4A" w14:textId="7BB09334" w:rsidR="00E1269A" w:rsidRPr="009477BE" w:rsidRDefault="002426FC">
    <w:pPr>
      <w:pStyle w:val="Footer"/>
      <w:rPr>
        <w:sz w:val="20"/>
        <w:szCs w:val="20"/>
      </w:rPr>
    </w:pPr>
    <w:r>
      <w:rPr>
        <w:sz w:val="20"/>
        <w:szCs w:val="20"/>
      </w:rPr>
      <w:t>USFWS</w:t>
    </w:r>
    <w:r w:rsidR="009477BE" w:rsidRPr="009477BE">
      <w:rPr>
        <w:sz w:val="20"/>
        <w:szCs w:val="20"/>
      </w:rPr>
      <w:t xml:space="preserve"> BA Checklist</w:t>
    </w:r>
    <w:r w:rsidR="009477BE" w:rsidRPr="009477BE">
      <w:rPr>
        <w:sz w:val="20"/>
        <w:szCs w:val="20"/>
      </w:rPr>
      <w:ptab w:relativeTo="margin" w:alignment="center" w:leader="none"/>
    </w:r>
    <w:r w:rsidR="009477BE" w:rsidRPr="009477BE">
      <w:rPr>
        <w:sz w:val="20"/>
        <w:szCs w:val="20"/>
      </w:rPr>
      <w:fldChar w:fldCharType="begin"/>
    </w:r>
    <w:r w:rsidR="009477BE" w:rsidRPr="009477BE">
      <w:rPr>
        <w:sz w:val="20"/>
        <w:szCs w:val="20"/>
      </w:rPr>
      <w:instrText xml:space="preserve"> PAGE   \* MERGEFORMAT </w:instrText>
    </w:r>
    <w:r w:rsidR="009477BE" w:rsidRPr="009477BE">
      <w:rPr>
        <w:sz w:val="20"/>
        <w:szCs w:val="20"/>
      </w:rPr>
      <w:fldChar w:fldCharType="separate"/>
    </w:r>
    <w:r w:rsidR="009477BE" w:rsidRPr="009477BE">
      <w:rPr>
        <w:noProof/>
        <w:sz w:val="20"/>
        <w:szCs w:val="20"/>
      </w:rPr>
      <w:t>1</w:t>
    </w:r>
    <w:r w:rsidR="009477BE" w:rsidRPr="009477BE">
      <w:rPr>
        <w:noProof/>
        <w:sz w:val="20"/>
        <w:szCs w:val="20"/>
      </w:rPr>
      <w:fldChar w:fldCharType="end"/>
    </w:r>
    <w:r w:rsidR="009477BE" w:rsidRPr="009477BE">
      <w:rPr>
        <w:sz w:val="20"/>
        <w:szCs w:val="20"/>
      </w:rPr>
      <w:ptab w:relativeTo="margin" w:alignment="right" w:leader="none"/>
    </w:r>
    <w:r>
      <w:rPr>
        <w:sz w:val="20"/>
        <w:szCs w:val="20"/>
      </w:rPr>
      <w:t>June</w:t>
    </w:r>
    <w:r w:rsidR="009477BE" w:rsidRPr="009477BE">
      <w:rPr>
        <w:sz w:val="20"/>
        <w:szCs w:val="20"/>
      </w:rPr>
      <w:t xml:space="preserve"> 2014</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3708664" w14:textId="77777777" w:rsidR="009740D3" w:rsidRDefault="009740D3" w:rsidP="00455597">
      <w:pPr>
        <w:spacing w:after="0" w:line="240" w:lineRule="auto"/>
      </w:pPr>
      <w:r>
        <w:separator/>
      </w:r>
    </w:p>
  </w:footnote>
  <w:footnote w:type="continuationSeparator" w:id="0">
    <w:p w14:paraId="0574E038" w14:textId="77777777" w:rsidR="009740D3" w:rsidRDefault="009740D3" w:rsidP="00455597">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37F0005"/>
    <w:multiLevelType w:val="hybridMultilevel"/>
    <w:tmpl w:val="C2942F20"/>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26FB1FA8"/>
    <w:multiLevelType w:val="hybridMultilevel"/>
    <w:tmpl w:val="3A66A5E2"/>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291D7813"/>
    <w:multiLevelType w:val="hybridMultilevel"/>
    <w:tmpl w:val="7C5A26BE"/>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 w15:restartNumberingAfterBreak="0">
    <w:nsid w:val="2E1F1B11"/>
    <w:multiLevelType w:val="hybridMultilevel"/>
    <w:tmpl w:val="3D902526"/>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314F60CF"/>
    <w:multiLevelType w:val="hybridMultilevel"/>
    <w:tmpl w:val="46D021DA"/>
    <w:lvl w:ilvl="0" w:tplc="04090003">
      <w:start w:val="1"/>
      <w:numFmt w:val="bullet"/>
      <w:lvlText w:val="o"/>
      <w:lvlJc w:val="left"/>
      <w:pPr>
        <w:ind w:left="1080" w:hanging="360"/>
      </w:pPr>
      <w:rPr>
        <w:rFonts w:ascii="Courier New" w:hAnsi="Courier New" w:cs="Courier New" w:hint="default"/>
      </w:rPr>
    </w:lvl>
    <w:lvl w:ilvl="1" w:tplc="032603C0">
      <w:numFmt w:val="bullet"/>
      <w:lvlText w:val=""/>
      <w:lvlJc w:val="left"/>
      <w:pPr>
        <w:ind w:left="1800" w:hanging="360"/>
      </w:pPr>
      <w:rPr>
        <w:rFonts w:ascii="Symbol" w:eastAsiaTheme="minorHAnsi" w:hAnsi="Symbol" w:cs="Arial"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5" w15:restartNumberingAfterBreak="0">
    <w:nsid w:val="46142828"/>
    <w:multiLevelType w:val="hybridMultilevel"/>
    <w:tmpl w:val="6B288078"/>
    <w:lvl w:ilvl="0" w:tplc="DF241AD2">
      <w:start w:val="1"/>
      <w:numFmt w:val="upperRoman"/>
      <w:pStyle w:val="Heading2"/>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4808183F"/>
    <w:multiLevelType w:val="hybridMultilevel"/>
    <w:tmpl w:val="605867F2"/>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7" w15:restartNumberingAfterBreak="0">
    <w:nsid w:val="519A4F29"/>
    <w:multiLevelType w:val="hybridMultilevel"/>
    <w:tmpl w:val="2BC8E6FC"/>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2FA1064"/>
    <w:multiLevelType w:val="hybridMultilevel"/>
    <w:tmpl w:val="F8882CC4"/>
    <w:lvl w:ilvl="0" w:tplc="04090003">
      <w:start w:val="1"/>
      <w:numFmt w:val="bullet"/>
      <w:lvlText w:val="o"/>
      <w:lvlJc w:val="left"/>
      <w:pPr>
        <w:ind w:left="720" w:hanging="360"/>
      </w:pPr>
      <w:rPr>
        <w:rFonts w:ascii="Courier New" w:hAnsi="Courier New" w:cs="Courier New" w:hint="default"/>
      </w:rPr>
    </w:lvl>
    <w:lvl w:ilvl="1" w:tplc="04090003">
      <w:start w:val="1"/>
      <w:numFmt w:val="bullet"/>
      <w:lvlText w:val="o"/>
      <w:lvlJc w:val="left"/>
      <w:pPr>
        <w:ind w:left="1440" w:hanging="360"/>
      </w:pPr>
      <w:rPr>
        <w:rFonts w:ascii="Courier New" w:hAnsi="Courier New" w:cs="Courier New" w:hint="default"/>
      </w:rPr>
    </w:lvl>
    <w:lvl w:ilvl="2" w:tplc="D188CA5E">
      <w:numFmt w:val="bullet"/>
      <w:lvlText w:val=""/>
      <w:lvlJc w:val="left"/>
      <w:pPr>
        <w:ind w:left="2520" w:hanging="720"/>
      </w:pPr>
      <w:rPr>
        <w:rFonts w:ascii="Symbol" w:eastAsiaTheme="minorHAnsi" w:hAnsi="Symbol" w:cs="Arial"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55E6183E"/>
    <w:multiLevelType w:val="hybridMultilevel"/>
    <w:tmpl w:val="7BE8F99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0" w15:restartNumberingAfterBreak="0">
    <w:nsid w:val="5DC75902"/>
    <w:multiLevelType w:val="hybridMultilevel"/>
    <w:tmpl w:val="BA3C329C"/>
    <w:lvl w:ilvl="0" w:tplc="BC823D7A">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0D16B76"/>
    <w:multiLevelType w:val="hybridMultilevel"/>
    <w:tmpl w:val="10B0987E"/>
    <w:lvl w:ilvl="0" w:tplc="04090003">
      <w:start w:val="1"/>
      <w:numFmt w:val="bullet"/>
      <w:lvlText w:val="o"/>
      <w:lvlJc w:val="left"/>
      <w:pPr>
        <w:ind w:left="720" w:hanging="360"/>
      </w:pPr>
      <w:rPr>
        <w:rFonts w:ascii="Courier New" w:hAnsi="Courier New" w:cs="Courier New" w:hint="default"/>
      </w:rPr>
    </w:lvl>
    <w:lvl w:ilvl="1" w:tplc="A6FEDB5A">
      <w:numFmt w:val="bullet"/>
      <w:lvlText w:val=""/>
      <w:lvlJc w:val="left"/>
      <w:pPr>
        <w:ind w:left="1440" w:hanging="360"/>
      </w:pPr>
      <w:rPr>
        <w:rFonts w:ascii="Symbol" w:eastAsiaTheme="minorHAnsi" w:hAnsi="Symbol" w:cs="Aria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61E8491C"/>
    <w:multiLevelType w:val="hybridMultilevel"/>
    <w:tmpl w:val="206EA65E"/>
    <w:lvl w:ilvl="0" w:tplc="E5FEEFB2">
      <w:start w:val="1"/>
      <w:numFmt w:val="bullet"/>
      <w:pStyle w:val="Normalbullettex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3" w15:restartNumberingAfterBreak="0">
    <w:nsid w:val="64A023CB"/>
    <w:multiLevelType w:val="hybridMultilevel"/>
    <w:tmpl w:val="C840C9F0"/>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4" w15:restartNumberingAfterBreak="0">
    <w:nsid w:val="64AA2D22"/>
    <w:multiLevelType w:val="hybridMultilevel"/>
    <w:tmpl w:val="55D08DF2"/>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9"/>
  </w:num>
  <w:num w:numId="2">
    <w:abstractNumId w:val="6"/>
  </w:num>
  <w:num w:numId="3">
    <w:abstractNumId w:val="13"/>
  </w:num>
  <w:num w:numId="4">
    <w:abstractNumId w:val="4"/>
  </w:num>
  <w:num w:numId="5">
    <w:abstractNumId w:val="5"/>
  </w:num>
  <w:num w:numId="6">
    <w:abstractNumId w:val="5"/>
  </w:num>
  <w:num w:numId="7">
    <w:abstractNumId w:val="5"/>
  </w:num>
  <w:num w:numId="8">
    <w:abstractNumId w:val="3"/>
  </w:num>
  <w:num w:numId="9">
    <w:abstractNumId w:val="5"/>
  </w:num>
  <w:num w:numId="10">
    <w:abstractNumId w:val="5"/>
  </w:num>
  <w:num w:numId="11">
    <w:abstractNumId w:val="5"/>
  </w:num>
  <w:num w:numId="12">
    <w:abstractNumId w:val="5"/>
  </w:num>
  <w:num w:numId="13">
    <w:abstractNumId w:val="5"/>
  </w:num>
  <w:num w:numId="14">
    <w:abstractNumId w:val="11"/>
  </w:num>
  <w:num w:numId="15">
    <w:abstractNumId w:val="5"/>
  </w:num>
  <w:num w:numId="16">
    <w:abstractNumId w:val="5"/>
  </w:num>
  <w:num w:numId="17">
    <w:abstractNumId w:val="5"/>
  </w:num>
  <w:num w:numId="18">
    <w:abstractNumId w:val="8"/>
  </w:num>
  <w:num w:numId="19">
    <w:abstractNumId w:val="10"/>
  </w:num>
  <w:num w:numId="20">
    <w:abstractNumId w:val="2"/>
  </w:num>
  <w:num w:numId="21">
    <w:abstractNumId w:val="1"/>
  </w:num>
  <w:num w:numId="22">
    <w:abstractNumId w:val="7"/>
  </w:num>
  <w:num w:numId="23">
    <w:abstractNumId w:val="12"/>
  </w:num>
  <w:num w:numId="24">
    <w:abstractNumId w:val="0"/>
  </w:num>
  <w:num w:numId="25">
    <w:abstractNumId w:val="14"/>
  </w:num>
  <w:num w:numId="26">
    <w:abstractNumId w:val="12"/>
  </w:num>
  <w:num w:numId="27">
    <w:abstractNumId w:val="12"/>
  </w:num>
  <w:num w:numId="28">
    <w:abstractNumId w:val="12"/>
  </w:num>
  <w:num w:numId="29">
    <w:abstractNumId w:val="12"/>
  </w:num>
  <w:num w:numId="30">
    <w:abstractNumId w:val="12"/>
  </w:num>
  <w:num w:numId="31">
    <w:abstractNumId w:val="12"/>
  </w:num>
  <w:num w:numId="32">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36A1A"/>
    <w:rsid w:val="00012EF0"/>
    <w:rsid w:val="000376F2"/>
    <w:rsid w:val="001C3E84"/>
    <w:rsid w:val="001D5DE2"/>
    <w:rsid w:val="002426FC"/>
    <w:rsid w:val="002657DA"/>
    <w:rsid w:val="002B23E5"/>
    <w:rsid w:val="002E7BAB"/>
    <w:rsid w:val="00336A1A"/>
    <w:rsid w:val="003E7AFA"/>
    <w:rsid w:val="00455597"/>
    <w:rsid w:val="004855A3"/>
    <w:rsid w:val="00496D8E"/>
    <w:rsid w:val="004F6F6D"/>
    <w:rsid w:val="00566C3B"/>
    <w:rsid w:val="00605D00"/>
    <w:rsid w:val="006503FF"/>
    <w:rsid w:val="006A212D"/>
    <w:rsid w:val="006E5DDF"/>
    <w:rsid w:val="006F08E3"/>
    <w:rsid w:val="007215AA"/>
    <w:rsid w:val="00733B70"/>
    <w:rsid w:val="007A7D67"/>
    <w:rsid w:val="0080453E"/>
    <w:rsid w:val="00804D74"/>
    <w:rsid w:val="00884CEA"/>
    <w:rsid w:val="008E1E43"/>
    <w:rsid w:val="009477BE"/>
    <w:rsid w:val="009740D3"/>
    <w:rsid w:val="009B1D61"/>
    <w:rsid w:val="009B3199"/>
    <w:rsid w:val="00A05E67"/>
    <w:rsid w:val="00A229C0"/>
    <w:rsid w:val="00A7244D"/>
    <w:rsid w:val="00A726AD"/>
    <w:rsid w:val="00AC76AD"/>
    <w:rsid w:val="00AD0042"/>
    <w:rsid w:val="00AF26AC"/>
    <w:rsid w:val="00B06A47"/>
    <w:rsid w:val="00B315C1"/>
    <w:rsid w:val="00B958B7"/>
    <w:rsid w:val="00C14425"/>
    <w:rsid w:val="00CA4DBF"/>
    <w:rsid w:val="00CC6CB6"/>
    <w:rsid w:val="00D123E7"/>
    <w:rsid w:val="00D92834"/>
    <w:rsid w:val="00DA0214"/>
    <w:rsid w:val="00DA59E5"/>
    <w:rsid w:val="00E1160E"/>
    <w:rsid w:val="00E1269A"/>
    <w:rsid w:val="00E32A7D"/>
    <w:rsid w:val="00E460BF"/>
    <w:rsid w:val="00F1555E"/>
    <w:rsid w:val="00F27CA5"/>
    <w:rsid w:val="00F30BC3"/>
    <w:rsid w:val="00F74B4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3B80CE3"/>
  <w15:chartTrackingRefBased/>
  <w15:docId w15:val="{BB22EE9A-6618-4D5C-98FB-C9B0543C9A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rsid w:val="004F6F6D"/>
    <w:rPr>
      <w:rFonts w:ascii="Arial" w:hAnsi="Arial" w:cs="Arial"/>
      <w:sz w:val="24"/>
      <w:szCs w:val="24"/>
    </w:rPr>
  </w:style>
  <w:style w:type="paragraph" w:styleId="Heading1">
    <w:name w:val="heading 1"/>
    <w:basedOn w:val="Normal"/>
    <w:next w:val="Normal"/>
    <w:link w:val="Heading1Char"/>
    <w:uiPriority w:val="9"/>
    <w:qFormat/>
    <w:rsid w:val="00884CEA"/>
    <w:pPr>
      <w:spacing w:before="240" w:after="240"/>
      <w:outlineLvl w:val="0"/>
    </w:pPr>
    <w:rPr>
      <w:b/>
    </w:rPr>
  </w:style>
  <w:style w:type="paragraph" w:styleId="Heading2">
    <w:name w:val="heading 2"/>
    <w:basedOn w:val="ListParagraph"/>
    <w:next w:val="Normal"/>
    <w:link w:val="Heading2Char"/>
    <w:uiPriority w:val="9"/>
    <w:unhideWhenUsed/>
    <w:qFormat/>
    <w:rsid w:val="002B23E5"/>
    <w:pPr>
      <w:numPr>
        <w:numId w:val="5"/>
      </w:numPr>
      <w:ind w:left="720"/>
      <w:outlineLvl w:val="1"/>
    </w:pPr>
    <w:rPr>
      <w:b/>
    </w:rPr>
  </w:style>
  <w:style w:type="paragraph" w:styleId="Heading3">
    <w:name w:val="heading 3"/>
    <w:basedOn w:val="Normal"/>
    <w:next w:val="Normal"/>
    <w:link w:val="Heading3Char"/>
    <w:uiPriority w:val="9"/>
    <w:unhideWhenUsed/>
    <w:qFormat/>
    <w:rsid w:val="00733B70"/>
    <w:pPr>
      <w:spacing w:before="240" w:after="240"/>
      <w:outlineLvl w:val="2"/>
    </w:pPr>
    <w:rPr>
      <w:b/>
      <w:i/>
      <w:iCs/>
    </w:rPr>
  </w:style>
  <w:style w:type="paragraph" w:styleId="Heading4">
    <w:name w:val="heading 4"/>
    <w:basedOn w:val="Normal"/>
    <w:next w:val="Normal"/>
    <w:link w:val="Heading4Char"/>
    <w:uiPriority w:val="9"/>
    <w:unhideWhenUsed/>
    <w:qFormat/>
    <w:rsid w:val="000376F2"/>
    <w:pPr>
      <w:spacing w:before="240" w:after="240"/>
      <w:outlineLvl w:val="3"/>
    </w:pPr>
    <w:rPr>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84CEA"/>
    <w:rPr>
      <w:rFonts w:ascii="Arial" w:hAnsi="Arial" w:cs="Arial"/>
      <w:b/>
      <w:sz w:val="24"/>
      <w:szCs w:val="24"/>
    </w:rPr>
  </w:style>
  <w:style w:type="character" w:styleId="PlaceholderText">
    <w:name w:val="Placeholder Text"/>
    <w:basedOn w:val="DefaultParagraphFont"/>
    <w:uiPriority w:val="99"/>
    <w:semiHidden/>
    <w:rsid w:val="00336A1A"/>
    <w:rPr>
      <w:color w:val="808080"/>
    </w:rPr>
  </w:style>
  <w:style w:type="paragraph" w:styleId="ListParagraph">
    <w:name w:val="List Paragraph"/>
    <w:basedOn w:val="Normal"/>
    <w:link w:val="ListParagraphChar"/>
    <w:uiPriority w:val="34"/>
    <w:qFormat/>
    <w:rsid w:val="00336A1A"/>
    <w:pPr>
      <w:ind w:left="720"/>
      <w:contextualSpacing/>
    </w:pPr>
  </w:style>
  <w:style w:type="character" w:styleId="Hyperlink">
    <w:name w:val="Hyperlink"/>
    <w:basedOn w:val="DefaultParagraphFont"/>
    <w:uiPriority w:val="99"/>
    <w:unhideWhenUsed/>
    <w:rsid w:val="004F6F6D"/>
    <w:rPr>
      <w:color w:val="0563C1" w:themeColor="hyperlink"/>
      <w:u w:val="single"/>
    </w:rPr>
  </w:style>
  <w:style w:type="character" w:styleId="UnresolvedMention">
    <w:name w:val="Unresolved Mention"/>
    <w:basedOn w:val="DefaultParagraphFont"/>
    <w:uiPriority w:val="99"/>
    <w:semiHidden/>
    <w:unhideWhenUsed/>
    <w:rsid w:val="004F6F6D"/>
    <w:rPr>
      <w:color w:val="605E5C"/>
      <w:shd w:val="clear" w:color="auto" w:fill="E1DFDD"/>
    </w:rPr>
  </w:style>
  <w:style w:type="character" w:styleId="FollowedHyperlink">
    <w:name w:val="FollowedHyperlink"/>
    <w:basedOn w:val="DefaultParagraphFont"/>
    <w:uiPriority w:val="99"/>
    <w:semiHidden/>
    <w:unhideWhenUsed/>
    <w:rsid w:val="004F6F6D"/>
    <w:rPr>
      <w:color w:val="954F72" w:themeColor="followedHyperlink"/>
      <w:u w:val="single"/>
    </w:rPr>
  </w:style>
  <w:style w:type="character" w:customStyle="1" w:styleId="Heading2Char">
    <w:name w:val="Heading 2 Char"/>
    <w:basedOn w:val="DefaultParagraphFont"/>
    <w:link w:val="Heading2"/>
    <w:uiPriority w:val="9"/>
    <w:rsid w:val="002B23E5"/>
    <w:rPr>
      <w:rFonts w:ascii="Arial" w:hAnsi="Arial" w:cs="Arial"/>
      <w:b/>
      <w:sz w:val="24"/>
      <w:szCs w:val="24"/>
    </w:rPr>
  </w:style>
  <w:style w:type="character" w:customStyle="1" w:styleId="Heading3Char">
    <w:name w:val="Heading 3 Char"/>
    <w:basedOn w:val="DefaultParagraphFont"/>
    <w:link w:val="Heading3"/>
    <w:uiPriority w:val="9"/>
    <w:rsid w:val="00733B70"/>
    <w:rPr>
      <w:rFonts w:ascii="Arial" w:hAnsi="Arial" w:cs="Arial"/>
      <w:b/>
      <w:i/>
      <w:iCs/>
      <w:sz w:val="24"/>
      <w:szCs w:val="24"/>
    </w:rPr>
  </w:style>
  <w:style w:type="character" w:customStyle="1" w:styleId="Heading4Char">
    <w:name w:val="Heading 4 Char"/>
    <w:basedOn w:val="DefaultParagraphFont"/>
    <w:link w:val="Heading4"/>
    <w:uiPriority w:val="9"/>
    <w:rsid w:val="000376F2"/>
    <w:rPr>
      <w:rFonts w:ascii="Arial" w:hAnsi="Arial" w:cs="Arial"/>
      <w:sz w:val="24"/>
      <w:szCs w:val="24"/>
      <w:u w:val="single"/>
    </w:rPr>
  </w:style>
  <w:style w:type="paragraph" w:customStyle="1" w:styleId="ChecklistBullet1">
    <w:name w:val="Checklist Bullet 1"/>
    <w:basedOn w:val="Normal"/>
    <w:link w:val="ChecklistBullet1Char"/>
    <w:rsid w:val="00455597"/>
    <w:pPr>
      <w:tabs>
        <w:tab w:val="left" w:pos="360"/>
        <w:tab w:val="left" w:pos="540"/>
      </w:tabs>
    </w:pPr>
  </w:style>
  <w:style w:type="paragraph" w:styleId="Header">
    <w:name w:val="header"/>
    <w:basedOn w:val="Normal"/>
    <w:link w:val="HeaderChar"/>
    <w:uiPriority w:val="99"/>
    <w:unhideWhenUsed/>
    <w:rsid w:val="00455597"/>
    <w:pPr>
      <w:tabs>
        <w:tab w:val="center" w:pos="4680"/>
        <w:tab w:val="right" w:pos="9360"/>
      </w:tabs>
      <w:spacing w:after="0" w:line="240" w:lineRule="auto"/>
    </w:pPr>
  </w:style>
  <w:style w:type="character" w:customStyle="1" w:styleId="ChecklistBullet1Char">
    <w:name w:val="Checklist Bullet 1 Char"/>
    <w:basedOn w:val="DefaultParagraphFont"/>
    <w:link w:val="ChecklistBullet1"/>
    <w:rsid w:val="00455597"/>
    <w:rPr>
      <w:rFonts w:ascii="Arial" w:hAnsi="Arial" w:cs="Arial"/>
      <w:sz w:val="24"/>
      <w:szCs w:val="24"/>
    </w:rPr>
  </w:style>
  <w:style w:type="character" w:customStyle="1" w:styleId="HeaderChar">
    <w:name w:val="Header Char"/>
    <w:basedOn w:val="DefaultParagraphFont"/>
    <w:link w:val="Header"/>
    <w:uiPriority w:val="99"/>
    <w:rsid w:val="00455597"/>
    <w:rPr>
      <w:rFonts w:ascii="Arial" w:hAnsi="Arial" w:cs="Arial"/>
      <w:sz w:val="24"/>
      <w:szCs w:val="24"/>
    </w:rPr>
  </w:style>
  <w:style w:type="paragraph" w:styleId="Footer">
    <w:name w:val="footer"/>
    <w:basedOn w:val="Normal"/>
    <w:link w:val="FooterChar"/>
    <w:uiPriority w:val="99"/>
    <w:unhideWhenUsed/>
    <w:rsid w:val="00455597"/>
    <w:pPr>
      <w:tabs>
        <w:tab w:val="center" w:pos="4680"/>
        <w:tab w:val="right" w:pos="9360"/>
      </w:tabs>
      <w:spacing w:after="0" w:line="240" w:lineRule="auto"/>
    </w:pPr>
  </w:style>
  <w:style w:type="character" w:customStyle="1" w:styleId="FooterChar">
    <w:name w:val="Footer Char"/>
    <w:basedOn w:val="DefaultParagraphFont"/>
    <w:link w:val="Footer"/>
    <w:uiPriority w:val="99"/>
    <w:rsid w:val="00455597"/>
    <w:rPr>
      <w:rFonts w:ascii="Arial" w:hAnsi="Arial" w:cs="Arial"/>
      <w:sz w:val="24"/>
      <w:szCs w:val="24"/>
    </w:rPr>
  </w:style>
  <w:style w:type="paragraph" w:customStyle="1" w:styleId="Normalbullettext">
    <w:name w:val="Normal bullet text"/>
    <w:basedOn w:val="ListParagraph"/>
    <w:link w:val="NormalbullettextChar"/>
    <w:qFormat/>
    <w:rsid w:val="002B23E5"/>
    <w:pPr>
      <w:numPr>
        <w:numId w:val="23"/>
      </w:numPr>
    </w:pPr>
  </w:style>
  <w:style w:type="paragraph" w:styleId="BalloonText">
    <w:name w:val="Balloon Text"/>
    <w:basedOn w:val="Normal"/>
    <w:link w:val="BalloonTextChar"/>
    <w:uiPriority w:val="99"/>
    <w:semiHidden/>
    <w:unhideWhenUsed/>
    <w:rsid w:val="006503FF"/>
    <w:pPr>
      <w:spacing w:after="0" w:line="240" w:lineRule="auto"/>
    </w:pPr>
    <w:rPr>
      <w:rFonts w:ascii="Segoe UI" w:hAnsi="Segoe UI" w:cs="Segoe UI"/>
      <w:sz w:val="18"/>
      <w:szCs w:val="18"/>
    </w:rPr>
  </w:style>
  <w:style w:type="character" w:customStyle="1" w:styleId="ListParagraphChar">
    <w:name w:val="List Paragraph Char"/>
    <w:basedOn w:val="DefaultParagraphFont"/>
    <w:link w:val="ListParagraph"/>
    <w:uiPriority w:val="34"/>
    <w:rsid w:val="006F08E3"/>
    <w:rPr>
      <w:rFonts w:ascii="Arial" w:hAnsi="Arial" w:cs="Arial"/>
      <w:sz w:val="24"/>
      <w:szCs w:val="24"/>
    </w:rPr>
  </w:style>
  <w:style w:type="character" w:customStyle="1" w:styleId="NormalbullettextChar">
    <w:name w:val="Normal bullet text Char"/>
    <w:basedOn w:val="ListParagraphChar"/>
    <w:link w:val="Normalbullettext"/>
    <w:rsid w:val="002B23E5"/>
    <w:rPr>
      <w:rFonts w:ascii="Arial" w:hAnsi="Arial" w:cs="Arial"/>
      <w:sz w:val="24"/>
      <w:szCs w:val="24"/>
    </w:rPr>
  </w:style>
  <w:style w:type="character" w:customStyle="1" w:styleId="BalloonTextChar">
    <w:name w:val="Balloon Text Char"/>
    <w:basedOn w:val="DefaultParagraphFont"/>
    <w:link w:val="BalloonText"/>
    <w:uiPriority w:val="99"/>
    <w:semiHidden/>
    <w:rsid w:val="006503FF"/>
    <w:rPr>
      <w:rFonts w:ascii="Segoe UI" w:hAnsi="Segoe UI" w:cs="Segoe UI"/>
      <w:sz w:val="18"/>
      <w:szCs w:val="18"/>
    </w:rPr>
  </w:style>
  <w:style w:type="character" w:styleId="CommentReference">
    <w:name w:val="annotation reference"/>
    <w:basedOn w:val="DefaultParagraphFont"/>
    <w:uiPriority w:val="99"/>
    <w:semiHidden/>
    <w:unhideWhenUsed/>
    <w:rsid w:val="00F30BC3"/>
    <w:rPr>
      <w:sz w:val="16"/>
      <w:szCs w:val="16"/>
    </w:rPr>
  </w:style>
  <w:style w:type="paragraph" w:styleId="CommentText">
    <w:name w:val="annotation text"/>
    <w:basedOn w:val="Normal"/>
    <w:link w:val="CommentTextChar"/>
    <w:uiPriority w:val="99"/>
    <w:semiHidden/>
    <w:unhideWhenUsed/>
    <w:rsid w:val="00F30BC3"/>
    <w:pPr>
      <w:spacing w:line="240" w:lineRule="auto"/>
    </w:pPr>
    <w:rPr>
      <w:sz w:val="20"/>
      <w:szCs w:val="20"/>
    </w:rPr>
  </w:style>
  <w:style w:type="character" w:customStyle="1" w:styleId="CommentTextChar">
    <w:name w:val="Comment Text Char"/>
    <w:basedOn w:val="DefaultParagraphFont"/>
    <w:link w:val="CommentText"/>
    <w:uiPriority w:val="99"/>
    <w:semiHidden/>
    <w:rsid w:val="00F30BC3"/>
    <w:rPr>
      <w:rFonts w:ascii="Arial" w:hAnsi="Arial" w:cs="Arial"/>
      <w:sz w:val="20"/>
      <w:szCs w:val="20"/>
    </w:rPr>
  </w:style>
  <w:style w:type="paragraph" w:styleId="CommentSubject">
    <w:name w:val="annotation subject"/>
    <w:basedOn w:val="CommentText"/>
    <w:next w:val="CommentText"/>
    <w:link w:val="CommentSubjectChar"/>
    <w:uiPriority w:val="99"/>
    <w:semiHidden/>
    <w:unhideWhenUsed/>
    <w:rsid w:val="00F30BC3"/>
    <w:rPr>
      <w:b/>
      <w:bCs/>
    </w:rPr>
  </w:style>
  <w:style w:type="character" w:customStyle="1" w:styleId="CommentSubjectChar">
    <w:name w:val="Comment Subject Char"/>
    <w:basedOn w:val="CommentTextChar"/>
    <w:link w:val="CommentSubject"/>
    <w:uiPriority w:val="99"/>
    <w:semiHidden/>
    <w:rsid w:val="00F30BC3"/>
    <w:rPr>
      <w:rFonts w:ascii="Arial" w:hAnsi="Arial" w:cs="Arial"/>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yperlink" Target="http://www.fws.gov/endangered/esa-library/pdf/esa_section7_handbook.pdf" TargetMode="Externa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yperlink" Target="file://C:\Users\s117003\Desktop\SER_Working%20Folder\An%20Assessment%20Framework%20for%20Conducting%20Jeopardy%20Analyses%20under%20Section%207%20of%20the%20Endangered%20Species%20Act.%20%20A%20Background%20Paper.%20%20Modified%20June%206,%202004.%20%20This%20publication%20can%20be%20found%20at%20the%20following%20link:%20https:\training.fws.gov\courses\csp\csp3116\resources\Study_Guides\07_framework_overview.pdf"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www.fws.gov/endangered/esa-library/pdf/esa_section7_handbook.pdf" TargetMode="Externa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https://ecos.fws.gov/ipac/" TargetMode="External"/><Relationship Id="rId4" Type="http://schemas.openxmlformats.org/officeDocument/2006/relationships/webSettings" Target="webSettings.xml"/><Relationship Id="rId9" Type="http://schemas.openxmlformats.org/officeDocument/2006/relationships/hyperlink" Target="https://dot.ca.gov/programs/environmental-analysis/standard-environmental-reference-ser/forms-templates" TargetMode="External"/><Relationship Id="rId14"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03</TotalTime>
  <Pages>1</Pages>
  <Words>2994</Words>
  <Characters>17072</Characters>
  <Application>Microsoft Office Word</Application>
  <DocSecurity>0</DocSecurity>
  <Lines>142</Lines>
  <Paragraphs>40</Paragraphs>
  <ScaleCrop>false</ScaleCrop>
  <HeadingPairs>
    <vt:vector size="2" baseType="variant">
      <vt:variant>
        <vt:lpstr>Title</vt:lpstr>
      </vt:variant>
      <vt:variant>
        <vt:i4>1</vt:i4>
      </vt:variant>
    </vt:vector>
  </HeadingPairs>
  <TitlesOfParts>
    <vt:vector size="1" baseType="lpstr">
      <vt:lpstr>USFWS Biological Assessment Checklist</vt:lpstr>
    </vt:vector>
  </TitlesOfParts>
  <Company>Caltrans DEA-Office of Biological Studies</Company>
  <LinksUpToDate>false</LinksUpToDate>
  <CharactersWithSpaces>200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FWS Biological Assessment Checklist</dc:title>
  <dc:subject>This is a checklist to assist with the preparation of Biological Assessments, to be submitted to USFWS.</dc:subject>
  <dc:creator>Osmondson, Jennifer A@DOT</dc:creator>
  <cp:keywords>USFWS Biological Assessment</cp:keywords>
  <dc:description>June 2014 version, with minor updates in October 2020.</dc:description>
  <cp:lastModifiedBy>Osmondson, Jennifer A@DOT</cp:lastModifiedBy>
  <cp:revision>11</cp:revision>
  <dcterms:created xsi:type="dcterms:W3CDTF">2020-10-19T20:03:00Z</dcterms:created>
  <dcterms:modified xsi:type="dcterms:W3CDTF">2020-10-27T23:02:00Z</dcterms:modified>
</cp:coreProperties>
</file>